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31EAD16-EDA5-4FB9-B27B-E14020A3A13B}" v="2696" dt="2022-02-16T16:04:34.77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86" y="7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6/11/relationships/changesInfo" Target="changesInfos/changesInfo1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Relationship Id="rId9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Sofie Raeymakers" userId="12e7d2fcde2e838b" providerId="LiveId" clId="{131EAD16-EDA5-4FB9-B27B-E14020A3A13B}"/>
    <pc:docChg chg="custSel modSld">
      <pc:chgData name="Sofie Raeymakers" userId="12e7d2fcde2e838b" providerId="LiveId" clId="{131EAD16-EDA5-4FB9-B27B-E14020A3A13B}" dt="2022-02-16T16:04:34.777" v="9425"/>
      <pc:docMkLst>
        <pc:docMk/>
      </pc:docMkLst>
      <pc:sldChg chg="addSp delSp modSp mod replTag delTag">
        <pc:chgData name="Sofie Raeymakers" userId="12e7d2fcde2e838b" providerId="LiveId" clId="{131EAD16-EDA5-4FB9-B27B-E14020A3A13B}" dt="2022-02-16T16:04:34.777" v="9425"/>
        <pc:sldMkLst>
          <pc:docMk/>
          <pc:sldMk cId="4003685623" sldId="257"/>
        </pc:sldMkLst>
        <pc:spChg chg="mod ord replST">
          <ac:chgData name="Sofie Raeymakers" userId="12e7d2fcde2e838b" providerId="LiveId" clId="{131EAD16-EDA5-4FB9-B27B-E14020A3A13B}" dt="2022-02-16T16:04:34.659" v="9162"/>
          <ac:spMkLst>
            <pc:docMk/>
            <pc:sldMk cId="4003685623" sldId="257"/>
            <ac:spMk id="2" creationId="{5F1BC1F6-C2B2-44BB-8D87-379ADC46A380}"/>
          </ac:spMkLst>
        </pc:spChg>
        <pc:spChg chg="mod ord replST">
          <ac:chgData name="Sofie Raeymakers" userId="12e7d2fcde2e838b" providerId="LiveId" clId="{131EAD16-EDA5-4FB9-B27B-E14020A3A13B}" dt="2022-02-16T16:04:34.660" v="9164"/>
          <ac:spMkLst>
            <pc:docMk/>
            <pc:sldMk cId="4003685623" sldId="257"/>
            <ac:spMk id="3" creationId="{3493C38C-618F-4F98-B3B9-1A2394D6516E}"/>
          </ac:spMkLst>
        </pc:spChg>
        <pc:spChg chg="mod replST">
          <ac:chgData name="Sofie Raeymakers" userId="12e7d2fcde2e838b" providerId="LiveId" clId="{131EAD16-EDA5-4FB9-B27B-E14020A3A13B}" dt="2022-02-16T16:04:34.665" v="9173"/>
          <ac:spMkLst>
            <pc:docMk/>
            <pc:sldMk cId="4003685623" sldId="257"/>
            <ac:spMk id="6" creationId="{0F40AF65-AB6B-468F-BCA8-44AA9DDCE36E}"/>
          </ac:spMkLst>
        </pc:spChg>
        <pc:spChg chg="mod ord replST">
          <ac:chgData name="Sofie Raeymakers" userId="12e7d2fcde2e838b" providerId="LiveId" clId="{131EAD16-EDA5-4FB9-B27B-E14020A3A13B}" dt="2022-02-16T16:04:34.666" v="9177"/>
          <ac:spMkLst>
            <pc:docMk/>
            <pc:sldMk cId="4003685623" sldId="257"/>
            <ac:spMk id="7" creationId="{E4943E57-2673-4890-80DA-1F0CD4C668A6}"/>
          </ac:spMkLst>
        </pc:spChg>
        <pc:spChg chg="mod ord replST">
          <ac:chgData name="Sofie Raeymakers" userId="12e7d2fcde2e838b" providerId="LiveId" clId="{131EAD16-EDA5-4FB9-B27B-E14020A3A13B}" dt="2022-02-16T16:04:34.668" v="9183"/>
          <ac:spMkLst>
            <pc:docMk/>
            <pc:sldMk cId="4003685623" sldId="257"/>
            <ac:spMk id="8" creationId="{FD91AAF7-F629-440C-BF15-4A75AE9ABC68}"/>
          </ac:spMkLst>
        </pc:spChg>
        <pc:spChg chg="mod ord replST">
          <ac:chgData name="Sofie Raeymakers" userId="12e7d2fcde2e838b" providerId="LiveId" clId="{131EAD16-EDA5-4FB9-B27B-E14020A3A13B}" dt="2022-02-16T16:04:34.671" v="9190"/>
          <ac:spMkLst>
            <pc:docMk/>
            <pc:sldMk cId="4003685623" sldId="257"/>
            <ac:spMk id="10" creationId="{C3C164C6-AC49-42A1-8E16-4257493A090F}"/>
          </ac:spMkLst>
        </pc:spChg>
        <pc:spChg chg="mod ord replST">
          <ac:chgData name="Sofie Raeymakers" userId="12e7d2fcde2e838b" providerId="LiveId" clId="{131EAD16-EDA5-4FB9-B27B-E14020A3A13B}" dt="2022-02-16T16:04:34.675" v="9197"/>
          <ac:spMkLst>
            <pc:docMk/>
            <pc:sldMk cId="4003685623" sldId="257"/>
            <ac:spMk id="12" creationId="{CAFAF947-F3AD-4C1F-9985-EF9A440F1864}"/>
          </ac:spMkLst>
        </pc:spChg>
        <pc:spChg chg="mod ord replST">
          <ac:chgData name="Sofie Raeymakers" userId="12e7d2fcde2e838b" providerId="LiveId" clId="{131EAD16-EDA5-4FB9-B27B-E14020A3A13B}" dt="2022-02-16T16:04:34.677" v="9204"/>
          <ac:spMkLst>
            <pc:docMk/>
            <pc:sldMk cId="4003685623" sldId="257"/>
            <ac:spMk id="14" creationId="{3614EEE8-BF85-4D66-BED7-95B6BF152DF3}"/>
          </ac:spMkLst>
        </pc:spChg>
        <pc:spChg chg="mod ord replST">
          <ac:chgData name="Sofie Raeymakers" userId="12e7d2fcde2e838b" providerId="LiveId" clId="{131EAD16-EDA5-4FB9-B27B-E14020A3A13B}" dt="2022-02-16T16:04:34.679" v="9211"/>
          <ac:spMkLst>
            <pc:docMk/>
            <pc:sldMk cId="4003685623" sldId="257"/>
            <ac:spMk id="16" creationId="{1619F137-3E9C-47C8-968F-D2D28E1823F9}"/>
          </ac:spMkLst>
        </pc:spChg>
        <pc:spChg chg="del mod ord replST">
          <ac:chgData name="Sofie Raeymakers" userId="12e7d2fcde2e838b" providerId="LiveId" clId="{131EAD16-EDA5-4FB9-B27B-E14020A3A13B}" dt="2022-02-16T15:22:59.032" v="8577"/>
          <ac:spMkLst>
            <pc:docMk/>
            <pc:sldMk cId="4003685623" sldId="257"/>
            <ac:spMk id="23" creationId="{1079357D-FCB1-4313-9924-8612CFA5ECDE}"/>
          </ac:spMkLst>
        </pc:spChg>
        <pc:spChg chg="del mod ord replST">
          <ac:chgData name="Sofie Raeymakers" userId="12e7d2fcde2e838b" providerId="LiveId" clId="{131EAD16-EDA5-4FB9-B27B-E14020A3A13B}" dt="2022-02-16T15:22:59.034" v="8583"/>
          <ac:spMkLst>
            <pc:docMk/>
            <pc:sldMk cId="4003685623" sldId="257"/>
            <ac:spMk id="24" creationId="{2466A1B1-82A9-4FD6-BFEC-59FAD9279BBC}"/>
          </ac:spMkLst>
        </pc:spChg>
        <pc:spChg chg="del mod ord replST">
          <ac:chgData name="Sofie Raeymakers" userId="12e7d2fcde2e838b" providerId="LiveId" clId="{131EAD16-EDA5-4FB9-B27B-E14020A3A13B}" dt="2022-02-16T15:22:58.999" v="8497"/>
          <ac:spMkLst>
            <pc:docMk/>
            <pc:sldMk cId="4003685623" sldId="257"/>
            <ac:spMk id="25" creationId="{F8D9CCDD-BFBD-4372-9880-602D4FEB8181}"/>
          </ac:spMkLst>
        </pc:spChg>
        <pc:spChg chg="del mod ord replST">
          <ac:chgData name="Sofie Raeymakers" userId="12e7d2fcde2e838b" providerId="LiveId" clId="{131EAD16-EDA5-4FB9-B27B-E14020A3A13B}" dt="2022-02-16T15:22:59.033" v="8579"/>
          <ac:spMkLst>
            <pc:docMk/>
            <pc:sldMk cId="4003685623" sldId="257"/>
            <ac:spMk id="26" creationId="{91CAA3B2-088D-48C6-B7C1-D0CE0CD31D6D}"/>
          </ac:spMkLst>
        </pc:spChg>
        <pc:spChg chg="del mod ord replST">
          <ac:chgData name="Sofie Raeymakers" userId="12e7d2fcde2e838b" providerId="LiveId" clId="{131EAD16-EDA5-4FB9-B27B-E14020A3A13B}" dt="2022-02-16T15:22:59.036" v="8585"/>
          <ac:spMkLst>
            <pc:docMk/>
            <pc:sldMk cId="4003685623" sldId="257"/>
            <ac:spMk id="27" creationId="{F1FF8AAF-568B-434C-9287-764143F29DB0}"/>
          </ac:spMkLst>
        </pc:spChg>
        <pc:spChg chg="del mod ord replST">
          <ac:chgData name="Sofie Raeymakers" userId="12e7d2fcde2e838b" providerId="LiveId" clId="{131EAD16-EDA5-4FB9-B27B-E14020A3A13B}" dt="2022-02-16T15:22:59" v="8499"/>
          <ac:spMkLst>
            <pc:docMk/>
            <pc:sldMk cId="4003685623" sldId="257"/>
            <ac:spMk id="28" creationId="{5E9FCE2F-B2CF-483C-99BB-65FDF92C3D3A}"/>
          </ac:spMkLst>
        </pc:spChg>
        <pc:spChg chg="del mod replST">
          <ac:chgData name="Sofie Raeymakers" userId="12e7d2fcde2e838b" providerId="LiveId" clId="{131EAD16-EDA5-4FB9-B27B-E14020A3A13B}" dt="2022-02-16T15:22:59.036" v="8586"/>
          <ac:spMkLst>
            <pc:docMk/>
            <pc:sldMk cId="4003685623" sldId="257"/>
            <ac:spMk id="42" creationId="{426CE1F7-4CDD-4059-B2CF-EB540897AE07}"/>
          </ac:spMkLst>
        </pc:spChg>
        <pc:spChg chg="del mod ord replST">
          <ac:chgData name="Sofie Raeymakers" userId="12e7d2fcde2e838b" providerId="LiveId" clId="{131EAD16-EDA5-4FB9-B27B-E14020A3A13B}" dt="2022-02-16T15:22:59.001" v="8501"/>
          <ac:spMkLst>
            <pc:docMk/>
            <pc:sldMk cId="4003685623" sldId="257"/>
            <ac:spMk id="43" creationId="{D45F23D6-4614-4809-8339-1DB85EECB7CF}"/>
          </ac:spMkLst>
        </pc:spChg>
        <pc:spChg chg="del mod replST">
          <ac:chgData name="Sofie Raeymakers" userId="12e7d2fcde2e838b" providerId="LiveId" clId="{131EAD16-EDA5-4FB9-B27B-E14020A3A13B}" dt="2022-02-16T15:22:59.033" v="8580"/>
          <ac:spMkLst>
            <pc:docMk/>
            <pc:sldMk cId="4003685623" sldId="257"/>
            <ac:spMk id="44" creationId="{47FC3999-98C2-4C01-91BA-F817A93DEF6D}"/>
          </ac:spMkLst>
        </pc:spChg>
        <pc:spChg chg="del mod ord replST delST">
          <ac:chgData name="Sofie Raeymakers" userId="12e7d2fcde2e838b" providerId="LiveId" clId="{131EAD16-EDA5-4FB9-B27B-E14020A3A13B}" dt="2022-02-16T15:22:59.038" v="8590"/>
          <ac:spMkLst>
            <pc:docMk/>
            <pc:sldMk cId="4003685623" sldId="257"/>
            <ac:spMk id="45" creationId="{87BECF79-41A5-4C48-9C72-637467B8F491}"/>
          </ac:spMkLst>
        </pc:spChg>
        <pc:spChg chg="del mod replST">
          <ac:chgData name="Sofie Raeymakers" userId="12e7d2fcde2e838b" providerId="LiveId" clId="{131EAD16-EDA5-4FB9-B27B-E14020A3A13B}" dt="2022-02-16T15:22:59.040" v="8595"/>
          <ac:spMkLst>
            <pc:docMk/>
            <pc:sldMk cId="4003685623" sldId="257"/>
            <ac:spMk id="46" creationId="{05044192-E92E-474E-A7F4-86E8095759AB}"/>
          </ac:spMkLst>
        </pc:spChg>
        <pc:spChg chg="del mod ord replST">
          <ac:chgData name="Sofie Raeymakers" userId="12e7d2fcde2e838b" providerId="LiveId" clId="{131EAD16-EDA5-4FB9-B27B-E14020A3A13B}" dt="2022-02-16T15:22:59.003" v="8505"/>
          <ac:spMkLst>
            <pc:docMk/>
            <pc:sldMk cId="4003685623" sldId="257"/>
            <ac:spMk id="47" creationId="{0A69ED94-E527-46FF-8770-D32ED59A70E0}"/>
          </ac:spMkLst>
        </pc:spChg>
        <pc:spChg chg="del mod ord replST">
          <ac:chgData name="Sofie Raeymakers" userId="12e7d2fcde2e838b" providerId="LiveId" clId="{131EAD16-EDA5-4FB9-B27B-E14020A3A13B}" dt="2022-02-16T15:22:59.004" v="8507"/>
          <ac:spMkLst>
            <pc:docMk/>
            <pc:sldMk cId="4003685623" sldId="257"/>
            <ac:spMk id="48" creationId="{D7AF4A8B-3EE0-42D1-ACC2-214324739A85}"/>
          </ac:spMkLst>
        </pc:spChg>
        <pc:spChg chg="del mod ord replST">
          <ac:chgData name="Sofie Raeymakers" userId="12e7d2fcde2e838b" providerId="LiveId" clId="{131EAD16-EDA5-4FB9-B27B-E14020A3A13B}" dt="2022-02-16T15:22:59.005" v="8509"/>
          <ac:spMkLst>
            <pc:docMk/>
            <pc:sldMk cId="4003685623" sldId="257"/>
            <ac:spMk id="49" creationId="{3104B208-F254-4CBD-963B-348A0D214F1F}"/>
          </ac:spMkLst>
        </pc:spChg>
        <pc:spChg chg="del mod ord replST">
          <ac:chgData name="Sofie Raeymakers" userId="12e7d2fcde2e838b" providerId="LiveId" clId="{131EAD16-EDA5-4FB9-B27B-E14020A3A13B}" dt="2022-02-16T15:22:59.005" v="8511"/>
          <ac:spMkLst>
            <pc:docMk/>
            <pc:sldMk cId="4003685623" sldId="257"/>
            <ac:spMk id="50" creationId="{C06561FB-137D-43BC-8BDB-E575F0F3D326}"/>
          </ac:spMkLst>
        </pc:spChg>
        <pc:spChg chg="del mod ord replST">
          <ac:chgData name="Sofie Raeymakers" userId="12e7d2fcde2e838b" providerId="LiveId" clId="{131EAD16-EDA5-4FB9-B27B-E14020A3A13B}" dt="2022-02-16T15:22:59.006" v="8513"/>
          <ac:spMkLst>
            <pc:docMk/>
            <pc:sldMk cId="4003685623" sldId="257"/>
            <ac:spMk id="51" creationId="{AECB3220-AAFD-4437-9A81-BCA7C5B8641F}"/>
          </ac:spMkLst>
        </pc:spChg>
        <pc:spChg chg="del mod ord replST">
          <ac:chgData name="Sofie Raeymakers" userId="12e7d2fcde2e838b" providerId="LiveId" clId="{131EAD16-EDA5-4FB9-B27B-E14020A3A13B}" dt="2022-02-16T15:22:59.007" v="8515"/>
          <ac:spMkLst>
            <pc:docMk/>
            <pc:sldMk cId="4003685623" sldId="257"/>
            <ac:spMk id="52" creationId="{615EEA01-ECBD-4425-B7C4-CD33C3AEB8A6}"/>
          </ac:spMkLst>
        </pc:spChg>
        <pc:spChg chg="del mod ord replST">
          <ac:chgData name="Sofie Raeymakers" userId="12e7d2fcde2e838b" providerId="LiveId" clId="{131EAD16-EDA5-4FB9-B27B-E14020A3A13B}" dt="2022-02-16T15:22:59.037" v="8588"/>
          <ac:spMkLst>
            <pc:docMk/>
            <pc:sldMk cId="4003685623" sldId="257"/>
            <ac:spMk id="64" creationId="{0575FE80-479E-4EBB-BC47-8E82E92852D7}"/>
          </ac:spMkLst>
        </pc:spChg>
        <pc:spChg chg="del mod ord replST">
          <ac:chgData name="Sofie Raeymakers" userId="12e7d2fcde2e838b" providerId="LiveId" clId="{131EAD16-EDA5-4FB9-B27B-E14020A3A13B}" dt="2022-02-16T15:22:59.002" v="8503"/>
          <ac:spMkLst>
            <pc:docMk/>
            <pc:sldMk cId="4003685623" sldId="257"/>
            <ac:spMk id="65" creationId="{4D01FFAC-86EE-447D-B203-C0488A10CE8C}"/>
          </ac:spMkLst>
        </pc:spChg>
        <pc:spChg chg="del mod replST">
          <ac:chgData name="Sofie Raeymakers" userId="12e7d2fcde2e838b" providerId="LiveId" clId="{131EAD16-EDA5-4FB9-B27B-E14020A3A13B}" dt="2022-02-16T15:22:59.034" v="8581"/>
          <ac:spMkLst>
            <pc:docMk/>
            <pc:sldMk cId="4003685623" sldId="257"/>
            <ac:spMk id="66" creationId="{7871B3A1-5CD5-42BD-A893-D671B9E78D64}"/>
          </ac:spMkLst>
        </pc:spChg>
        <pc:spChg chg="mod replST">
          <ac:chgData name="Sofie Raeymakers" userId="12e7d2fcde2e838b" providerId="LiveId" clId="{131EAD16-EDA5-4FB9-B27B-E14020A3A13B}" dt="2022-02-16T16:04:34.662" v="9167"/>
          <ac:spMkLst>
            <pc:docMk/>
            <pc:sldMk cId="4003685623" sldId="257"/>
            <ac:spMk id="73" creationId="{6D79573D-D2C7-42E1-97FA-5B4E8CF43ACF}"/>
          </ac:spMkLst>
        </pc:spChg>
        <pc:spChg chg="mod replST">
          <ac:chgData name="Sofie Raeymakers" userId="12e7d2fcde2e838b" providerId="LiveId" clId="{131EAD16-EDA5-4FB9-B27B-E14020A3A13B}" dt="2022-02-16T16:04:34.664" v="9170"/>
          <ac:spMkLst>
            <pc:docMk/>
            <pc:sldMk cId="4003685623" sldId="257"/>
            <ac:spMk id="74" creationId="{FBCAA2B2-2549-4AF0-8351-952B3D05D9DF}"/>
          </ac:spMkLst>
        </pc:spChg>
        <pc:spChg chg="del mod replST delST">
          <ac:chgData name="Sofie Raeymakers" userId="12e7d2fcde2e838b" providerId="LiveId" clId="{131EAD16-EDA5-4FB9-B27B-E14020A3A13B}" dt="2022-02-16T15:22:59.038" v="8591"/>
          <ac:spMkLst>
            <pc:docMk/>
            <pc:sldMk cId="4003685623" sldId="257"/>
            <ac:spMk id="77" creationId="{C823A154-E323-4EAC-AA1D-482824DC2EB3}"/>
          </ac:spMkLst>
        </pc:spChg>
        <pc:spChg chg="del mod replST">
          <ac:chgData name="Sofie Raeymakers" userId="12e7d2fcde2e838b" providerId="LiveId" clId="{131EAD16-EDA5-4FB9-B27B-E14020A3A13B}" dt="2022-02-16T15:22:59.040" v="8596"/>
          <ac:spMkLst>
            <pc:docMk/>
            <pc:sldMk cId="4003685623" sldId="257"/>
            <ac:spMk id="78" creationId="{5690D742-21A0-426E-B648-8B6BB0781EF3}"/>
          </ac:spMkLst>
        </pc:spChg>
        <pc:spChg chg="del mod ord replST">
          <ac:chgData name="Sofie Raeymakers" userId="12e7d2fcde2e838b" providerId="LiveId" clId="{131EAD16-EDA5-4FB9-B27B-E14020A3A13B}" dt="2022-02-16T15:22:59.007" v="8517"/>
          <ac:spMkLst>
            <pc:docMk/>
            <pc:sldMk cId="4003685623" sldId="257"/>
            <ac:spMk id="79" creationId="{550BFA66-3240-43AA-B47D-5BC29F038357}"/>
          </ac:spMkLst>
        </pc:spChg>
        <pc:spChg chg="del mod ord replST">
          <ac:chgData name="Sofie Raeymakers" userId="12e7d2fcde2e838b" providerId="LiveId" clId="{131EAD16-EDA5-4FB9-B27B-E14020A3A13B}" dt="2022-02-16T15:22:59.008" v="8519"/>
          <ac:spMkLst>
            <pc:docMk/>
            <pc:sldMk cId="4003685623" sldId="257"/>
            <ac:spMk id="80" creationId="{9966834D-AD5B-46FF-9242-2D0C9A94DF36}"/>
          </ac:spMkLst>
        </pc:spChg>
        <pc:spChg chg="del mod ord replST">
          <ac:chgData name="Sofie Raeymakers" userId="12e7d2fcde2e838b" providerId="LiveId" clId="{131EAD16-EDA5-4FB9-B27B-E14020A3A13B}" dt="2022-02-16T15:22:59.008" v="8521"/>
          <ac:spMkLst>
            <pc:docMk/>
            <pc:sldMk cId="4003685623" sldId="257"/>
            <ac:spMk id="81" creationId="{E46F9E5F-18DC-45B9-A961-B902AA144373}"/>
          </ac:spMkLst>
        </pc:spChg>
        <pc:spChg chg="del mod ord replST">
          <ac:chgData name="Sofie Raeymakers" userId="12e7d2fcde2e838b" providerId="LiveId" clId="{131EAD16-EDA5-4FB9-B27B-E14020A3A13B}" dt="2022-02-16T15:22:59.010" v="8523"/>
          <ac:spMkLst>
            <pc:docMk/>
            <pc:sldMk cId="4003685623" sldId="257"/>
            <ac:spMk id="82" creationId="{4B4B255A-6BD3-4209-99C0-CD0BBDDC8B48}"/>
          </ac:spMkLst>
        </pc:spChg>
        <pc:spChg chg="del mod ord replST">
          <ac:chgData name="Sofie Raeymakers" userId="12e7d2fcde2e838b" providerId="LiveId" clId="{131EAD16-EDA5-4FB9-B27B-E14020A3A13B}" dt="2022-02-16T15:22:59.011" v="8525"/>
          <ac:spMkLst>
            <pc:docMk/>
            <pc:sldMk cId="4003685623" sldId="257"/>
            <ac:spMk id="83" creationId="{B5025024-AC25-4DC8-BDDA-DB1B59F4C243}"/>
          </ac:spMkLst>
        </pc:spChg>
        <pc:spChg chg="del mod ord replST">
          <ac:chgData name="Sofie Raeymakers" userId="12e7d2fcde2e838b" providerId="LiveId" clId="{131EAD16-EDA5-4FB9-B27B-E14020A3A13B}" dt="2022-02-16T15:22:59.012" v="8527"/>
          <ac:spMkLst>
            <pc:docMk/>
            <pc:sldMk cId="4003685623" sldId="257"/>
            <ac:spMk id="84" creationId="{DAEF9F46-9B56-4D44-B276-F9828D4DAB17}"/>
          </ac:spMkLst>
        </pc:spChg>
        <pc:spChg chg="del mod replST">
          <ac:chgData name="Sofie Raeymakers" userId="12e7d2fcde2e838b" providerId="LiveId" clId="{131EAD16-EDA5-4FB9-B27B-E14020A3A13B}" dt="2022-02-16T15:22:59.040" v="8597"/>
          <ac:spMkLst>
            <pc:docMk/>
            <pc:sldMk cId="4003685623" sldId="257"/>
            <ac:spMk id="85" creationId="{9CC0BCEA-1167-444D-BADE-D35814CE3592}"/>
          </ac:spMkLst>
        </pc:spChg>
        <pc:spChg chg="del mod ord replST">
          <ac:chgData name="Sofie Raeymakers" userId="12e7d2fcde2e838b" providerId="LiveId" clId="{131EAD16-EDA5-4FB9-B27B-E14020A3A13B}" dt="2022-02-16T15:22:59.013" v="8529"/>
          <ac:spMkLst>
            <pc:docMk/>
            <pc:sldMk cId="4003685623" sldId="257"/>
            <ac:spMk id="86" creationId="{06594C97-2831-4F65-8285-ED6D2D4E2918}"/>
          </ac:spMkLst>
        </pc:spChg>
        <pc:spChg chg="del mod ord replST">
          <ac:chgData name="Sofie Raeymakers" userId="12e7d2fcde2e838b" providerId="LiveId" clId="{131EAD16-EDA5-4FB9-B27B-E14020A3A13B}" dt="2022-02-16T15:22:59.014" v="8531"/>
          <ac:spMkLst>
            <pc:docMk/>
            <pc:sldMk cId="4003685623" sldId="257"/>
            <ac:spMk id="87" creationId="{95AEEB6A-31EE-4537-87B2-FDB90E8B375E}"/>
          </ac:spMkLst>
        </pc:spChg>
        <pc:spChg chg="del mod replST delST">
          <ac:chgData name="Sofie Raeymakers" userId="12e7d2fcde2e838b" providerId="LiveId" clId="{131EAD16-EDA5-4FB9-B27B-E14020A3A13B}" dt="2022-02-16T15:22:59.039" v="8592"/>
          <ac:spMkLst>
            <pc:docMk/>
            <pc:sldMk cId="4003685623" sldId="257"/>
            <ac:spMk id="88" creationId="{A435BA17-60A0-4986-B557-946EBFC9AB23}"/>
          </ac:spMkLst>
        </pc:spChg>
        <pc:spChg chg="del mod replST">
          <ac:chgData name="Sofie Raeymakers" userId="12e7d2fcde2e838b" providerId="LiveId" clId="{131EAD16-EDA5-4FB9-B27B-E14020A3A13B}" dt="2022-02-16T15:22:59.040" v="8598"/>
          <ac:spMkLst>
            <pc:docMk/>
            <pc:sldMk cId="4003685623" sldId="257"/>
            <ac:spMk id="89" creationId="{B46AB9CE-3012-4990-B3CD-41ABDEF4D001}"/>
          </ac:spMkLst>
        </pc:spChg>
        <pc:spChg chg="del mod ord replST">
          <ac:chgData name="Sofie Raeymakers" userId="12e7d2fcde2e838b" providerId="LiveId" clId="{131EAD16-EDA5-4FB9-B27B-E14020A3A13B}" dt="2022-02-16T15:22:59.014" v="8533"/>
          <ac:spMkLst>
            <pc:docMk/>
            <pc:sldMk cId="4003685623" sldId="257"/>
            <ac:spMk id="90" creationId="{09EE0D9E-A3AB-47D6-B146-72C626D6008B}"/>
          </ac:spMkLst>
        </pc:spChg>
        <pc:spChg chg="del mod ord replST">
          <ac:chgData name="Sofie Raeymakers" userId="12e7d2fcde2e838b" providerId="LiveId" clId="{131EAD16-EDA5-4FB9-B27B-E14020A3A13B}" dt="2022-02-16T15:22:59.015" v="8535"/>
          <ac:spMkLst>
            <pc:docMk/>
            <pc:sldMk cId="4003685623" sldId="257"/>
            <ac:spMk id="91" creationId="{22CAA287-6E3B-47C0-A3E6-84054B6995B7}"/>
          </ac:spMkLst>
        </pc:spChg>
        <pc:spChg chg="del mod ord replST">
          <ac:chgData name="Sofie Raeymakers" userId="12e7d2fcde2e838b" providerId="LiveId" clId="{131EAD16-EDA5-4FB9-B27B-E14020A3A13B}" dt="2022-02-16T15:22:59.015" v="8537"/>
          <ac:spMkLst>
            <pc:docMk/>
            <pc:sldMk cId="4003685623" sldId="257"/>
            <ac:spMk id="92" creationId="{17232AFD-6F86-4717-9D07-072EB0011107}"/>
          </ac:spMkLst>
        </pc:spChg>
        <pc:spChg chg="del mod ord replST">
          <ac:chgData name="Sofie Raeymakers" userId="12e7d2fcde2e838b" providerId="LiveId" clId="{131EAD16-EDA5-4FB9-B27B-E14020A3A13B}" dt="2022-02-16T15:22:59.016" v="8539"/>
          <ac:spMkLst>
            <pc:docMk/>
            <pc:sldMk cId="4003685623" sldId="257"/>
            <ac:spMk id="93" creationId="{A229E099-CA2A-40B4-B2C1-36B8EDAA71F8}"/>
          </ac:spMkLst>
        </pc:spChg>
        <pc:spChg chg="del mod ord replST">
          <ac:chgData name="Sofie Raeymakers" userId="12e7d2fcde2e838b" providerId="LiveId" clId="{131EAD16-EDA5-4FB9-B27B-E14020A3A13B}" dt="2022-02-16T15:22:59.016" v="8541"/>
          <ac:spMkLst>
            <pc:docMk/>
            <pc:sldMk cId="4003685623" sldId="257"/>
            <ac:spMk id="94" creationId="{8292183B-C449-4467-9B89-17977DB4614E}"/>
          </ac:spMkLst>
        </pc:spChg>
        <pc:spChg chg="del mod ord replST">
          <ac:chgData name="Sofie Raeymakers" userId="12e7d2fcde2e838b" providerId="LiveId" clId="{131EAD16-EDA5-4FB9-B27B-E14020A3A13B}" dt="2022-02-16T15:22:59.017" v="8543"/>
          <ac:spMkLst>
            <pc:docMk/>
            <pc:sldMk cId="4003685623" sldId="257"/>
            <ac:spMk id="95" creationId="{0C45BA60-ED90-4026-8F97-67A842427D07}"/>
          </ac:spMkLst>
        </pc:spChg>
        <pc:spChg chg="del mod replST delST">
          <ac:chgData name="Sofie Raeymakers" userId="12e7d2fcde2e838b" providerId="LiveId" clId="{131EAD16-EDA5-4FB9-B27B-E14020A3A13B}" dt="2022-02-16T15:22:59.039" v="8593"/>
          <ac:spMkLst>
            <pc:docMk/>
            <pc:sldMk cId="4003685623" sldId="257"/>
            <ac:spMk id="96" creationId="{62BACCB1-0BB8-4D82-BB08-3ACABA83FB0C}"/>
          </ac:spMkLst>
        </pc:spChg>
        <pc:spChg chg="del mod replST">
          <ac:chgData name="Sofie Raeymakers" userId="12e7d2fcde2e838b" providerId="LiveId" clId="{131EAD16-EDA5-4FB9-B27B-E14020A3A13B}" dt="2022-02-16T15:22:59.041" v="8599"/>
          <ac:spMkLst>
            <pc:docMk/>
            <pc:sldMk cId="4003685623" sldId="257"/>
            <ac:spMk id="97" creationId="{653D059E-97CB-4B5A-96C6-FFB33A1B6176}"/>
          </ac:spMkLst>
        </pc:spChg>
        <pc:spChg chg="del mod ord replST">
          <ac:chgData name="Sofie Raeymakers" userId="12e7d2fcde2e838b" providerId="LiveId" clId="{131EAD16-EDA5-4FB9-B27B-E14020A3A13B}" dt="2022-02-16T15:22:59.018" v="8545"/>
          <ac:spMkLst>
            <pc:docMk/>
            <pc:sldMk cId="4003685623" sldId="257"/>
            <ac:spMk id="98" creationId="{7948AECC-4CAB-41B7-8B48-62149A5D2442}"/>
          </ac:spMkLst>
        </pc:spChg>
        <pc:spChg chg="del mod ord replST">
          <ac:chgData name="Sofie Raeymakers" userId="12e7d2fcde2e838b" providerId="LiveId" clId="{131EAD16-EDA5-4FB9-B27B-E14020A3A13B}" dt="2022-02-16T15:22:59.018" v="8547"/>
          <ac:spMkLst>
            <pc:docMk/>
            <pc:sldMk cId="4003685623" sldId="257"/>
            <ac:spMk id="99" creationId="{93A9A176-F22D-4397-94FD-B6137C454432}"/>
          </ac:spMkLst>
        </pc:spChg>
        <pc:spChg chg="del mod ord replST">
          <ac:chgData name="Sofie Raeymakers" userId="12e7d2fcde2e838b" providerId="LiveId" clId="{131EAD16-EDA5-4FB9-B27B-E14020A3A13B}" dt="2022-02-16T15:22:59.019" v="8549"/>
          <ac:spMkLst>
            <pc:docMk/>
            <pc:sldMk cId="4003685623" sldId="257"/>
            <ac:spMk id="100" creationId="{77ABC237-D13A-41C8-9AD4-16C757231BFA}"/>
          </ac:spMkLst>
        </pc:spChg>
        <pc:spChg chg="del mod ord replST">
          <ac:chgData name="Sofie Raeymakers" userId="12e7d2fcde2e838b" providerId="LiveId" clId="{131EAD16-EDA5-4FB9-B27B-E14020A3A13B}" dt="2022-02-16T15:22:59.020" v="8551"/>
          <ac:spMkLst>
            <pc:docMk/>
            <pc:sldMk cId="4003685623" sldId="257"/>
            <ac:spMk id="101" creationId="{D73C92A1-13B4-4D74-8A75-A3F08E27ED30}"/>
          </ac:spMkLst>
        </pc:spChg>
        <pc:spChg chg="del mod ord replST">
          <ac:chgData name="Sofie Raeymakers" userId="12e7d2fcde2e838b" providerId="LiveId" clId="{131EAD16-EDA5-4FB9-B27B-E14020A3A13B}" dt="2022-02-16T15:22:59.021" v="8553"/>
          <ac:spMkLst>
            <pc:docMk/>
            <pc:sldMk cId="4003685623" sldId="257"/>
            <ac:spMk id="102" creationId="{A3151124-253E-458F-81A3-36A7DC3DC8F7}"/>
          </ac:spMkLst>
        </pc:spChg>
        <pc:spChg chg="del mod ord replST">
          <ac:chgData name="Sofie Raeymakers" userId="12e7d2fcde2e838b" providerId="LiveId" clId="{131EAD16-EDA5-4FB9-B27B-E14020A3A13B}" dt="2022-02-16T15:22:59.022" v="8555"/>
          <ac:spMkLst>
            <pc:docMk/>
            <pc:sldMk cId="4003685623" sldId="257"/>
            <ac:spMk id="103" creationId="{5CF0C4BB-3BC1-4BA4-98CA-9D3BB7A02F97}"/>
          </ac:spMkLst>
        </pc:spChg>
        <pc:spChg chg="del mod replST">
          <ac:chgData name="Sofie Raeymakers" userId="12e7d2fcde2e838b" providerId="LiveId" clId="{131EAD16-EDA5-4FB9-B27B-E14020A3A13B}" dt="2022-02-16T15:22:59.041" v="8600"/>
          <ac:spMkLst>
            <pc:docMk/>
            <pc:sldMk cId="4003685623" sldId="257"/>
            <ac:spMk id="104" creationId="{4250EDA9-FAB4-4C22-8628-9303FF66C2C3}"/>
          </ac:spMkLst>
        </pc:spChg>
        <pc:spChg chg="del mod ord replST">
          <ac:chgData name="Sofie Raeymakers" userId="12e7d2fcde2e838b" providerId="LiveId" clId="{131EAD16-EDA5-4FB9-B27B-E14020A3A13B}" dt="2022-02-16T15:22:59.023" v="8557"/>
          <ac:spMkLst>
            <pc:docMk/>
            <pc:sldMk cId="4003685623" sldId="257"/>
            <ac:spMk id="105" creationId="{967AA21D-6A9B-421E-BDA0-1DC48647E33D}"/>
          </ac:spMkLst>
        </pc:spChg>
        <pc:spChg chg="del mod ord replST">
          <ac:chgData name="Sofie Raeymakers" userId="12e7d2fcde2e838b" providerId="LiveId" clId="{131EAD16-EDA5-4FB9-B27B-E14020A3A13B}" dt="2022-02-16T15:22:59.023" v="8559"/>
          <ac:spMkLst>
            <pc:docMk/>
            <pc:sldMk cId="4003685623" sldId="257"/>
            <ac:spMk id="106" creationId="{A913D14A-D747-4656-B8A8-5D611C68F5DE}"/>
          </ac:spMkLst>
        </pc:spChg>
        <pc:spChg chg="del mod replST">
          <ac:chgData name="Sofie Raeymakers" userId="12e7d2fcde2e838b" providerId="LiveId" clId="{131EAD16-EDA5-4FB9-B27B-E14020A3A13B}" dt="2022-02-16T15:22:59.039" v="8594"/>
          <ac:spMkLst>
            <pc:docMk/>
            <pc:sldMk cId="4003685623" sldId="257"/>
            <ac:spMk id="107" creationId="{4452AA41-B3F9-4AE7-9F37-3D8F5D0103E1}"/>
          </ac:spMkLst>
        </pc:spChg>
        <pc:spChg chg="del mod replST">
          <ac:chgData name="Sofie Raeymakers" userId="12e7d2fcde2e838b" providerId="LiveId" clId="{131EAD16-EDA5-4FB9-B27B-E14020A3A13B}" dt="2022-02-16T15:22:59.041" v="8601"/>
          <ac:spMkLst>
            <pc:docMk/>
            <pc:sldMk cId="4003685623" sldId="257"/>
            <ac:spMk id="108" creationId="{A77D39D0-FBB3-471D-8C8E-AE5EC3257E26}"/>
          </ac:spMkLst>
        </pc:spChg>
        <pc:spChg chg="del mod ord replST">
          <ac:chgData name="Sofie Raeymakers" userId="12e7d2fcde2e838b" providerId="LiveId" clId="{131EAD16-EDA5-4FB9-B27B-E14020A3A13B}" dt="2022-02-16T15:22:59.024" v="8561"/>
          <ac:spMkLst>
            <pc:docMk/>
            <pc:sldMk cId="4003685623" sldId="257"/>
            <ac:spMk id="109" creationId="{1FE3EE16-C9FB-4467-AF40-E65B1BE076F0}"/>
          </ac:spMkLst>
        </pc:spChg>
        <pc:spChg chg="del mod ord replST">
          <ac:chgData name="Sofie Raeymakers" userId="12e7d2fcde2e838b" providerId="LiveId" clId="{131EAD16-EDA5-4FB9-B27B-E14020A3A13B}" dt="2022-02-16T15:22:59.025" v="8563"/>
          <ac:spMkLst>
            <pc:docMk/>
            <pc:sldMk cId="4003685623" sldId="257"/>
            <ac:spMk id="110" creationId="{044EDDEB-1712-4844-917D-5E3AFE8A4C63}"/>
          </ac:spMkLst>
        </pc:spChg>
        <pc:spChg chg="del mod ord replST">
          <ac:chgData name="Sofie Raeymakers" userId="12e7d2fcde2e838b" providerId="LiveId" clId="{131EAD16-EDA5-4FB9-B27B-E14020A3A13B}" dt="2022-02-16T15:22:59.026" v="8565"/>
          <ac:spMkLst>
            <pc:docMk/>
            <pc:sldMk cId="4003685623" sldId="257"/>
            <ac:spMk id="111" creationId="{14B87C89-A43B-4D3B-ACBF-2CCBA2FECBFD}"/>
          </ac:spMkLst>
        </pc:spChg>
        <pc:spChg chg="del mod ord replST">
          <ac:chgData name="Sofie Raeymakers" userId="12e7d2fcde2e838b" providerId="LiveId" clId="{131EAD16-EDA5-4FB9-B27B-E14020A3A13B}" dt="2022-02-16T15:22:59.027" v="8567"/>
          <ac:spMkLst>
            <pc:docMk/>
            <pc:sldMk cId="4003685623" sldId="257"/>
            <ac:spMk id="112" creationId="{899714AE-7ACE-4889-A1C0-5E473A73DB07}"/>
          </ac:spMkLst>
        </pc:spChg>
        <pc:spChg chg="del mod ord replST">
          <ac:chgData name="Sofie Raeymakers" userId="12e7d2fcde2e838b" providerId="LiveId" clId="{131EAD16-EDA5-4FB9-B27B-E14020A3A13B}" dt="2022-02-16T15:22:59.027" v="8569"/>
          <ac:spMkLst>
            <pc:docMk/>
            <pc:sldMk cId="4003685623" sldId="257"/>
            <ac:spMk id="113" creationId="{C7851AC2-CC06-4611-85A1-CBB75F9A68A7}"/>
          </ac:spMkLst>
        </pc:spChg>
        <pc:spChg chg="del mod ord replST">
          <ac:chgData name="Sofie Raeymakers" userId="12e7d2fcde2e838b" providerId="LiveId" clId="{131EAD16-EDA5-4FB9-B27B-E14020A3A13B}" dt="2022-02-16T15:22:59.029" v="8571"/>
          <ac:spMkLst>
            <pc:docMk/>
            <pc:sldMk cId="4003685623" sldId="257"/>
            <ac:spMk id="114" creationId="{BAC3E522-3CDE-4315-A398-034D91247607}"/>
          </ac:spMkLst>
        </pc:spChg>
        <pc:spChg chg="del mod replST">
          <ac:chgData name="Sofie Raeymakers" userId="12e7d2fcde2e838b" providerId="LiveId" clId="{131EAD16-EDA5-4FB9-B27B-E14020A3A13B}" dt="2022-02-16T15:22:59.042" v="8602"/>
          <ac:spMkLst>
            <pc:docMk/>
            <pc:sldMk cId="4003685623" sldId="257"/>
            <ac:spMk id="115" creationId="{9B6A175A-211E-4A08-A185-0F6FF423750D}"/>
          </ac:spMkLst>
        </pc:spChg>
        <pc:spChg chg="del mod ord replST">
          <ac:chgData name="Sofie Raeymakers" userId="12e7d2fcde2e838b" providerId="LiveId" clId="{131EAD16-EDA5-4FB9-B27B-E14020A3A13B}" dt="2022-02-16T15:22:59.030" v="8573"/>
          <ac:spMkLst>
            <pc:docMk/>
            <pc:sldMk cId="4003685623" sldId="257"/>
            <ac:spMk id="116" creationId="{D6DB22EF-1B04-4BD3-A7E5-4C4ABCF1F81A}"/>
          </ac:spMkLst>
        </pc:spChg>
        <pc:spChg chg="del mod ord replST">
          <ac:chgData name="Sofie Raeymakers" userId="12e7d2fcde2e838b" providerId="LiveId" clId="{131EAD16-EDA5-4FB9-B27B-E14020A3A13B}" dt="2022-02-16T15:22:59.031" v="8575"/>
          <ac:spMkLst>
            <pc:docMk/>
            <pc:sldMk cId="4003685623" sldId="257"/>
            <ac:spMk id="117" creationId="{0AFF3DB4-9567-4E89-ACC1-FFF66D36DBD5}"/>
          </ac:spMkLst>
        </pc:spChg>
        <pc:spChg chg="add mod ord replST">
          <ac:chgData name="Sofie Raeymakers" userId="12e7d2fcde2e838b" providerId="LiveId" clId="{131EAD16-EDA5-4FB9-B27B-E14020A3A13B}" dt="2022-02-16T16:04:34.681" v="9217"/>
          <ac:spMkLst>
            <pc:docMk/>
            <pc:sldMk cId="4003685623" sldId="257"/>
            <ac:spMk id="119" creationId="{988D1BB4-265D-4DD4-BB9A-1730057AEE87}"/>
          </ac:spMkLst>
        </pc:spChg>
        <pc:spChg chg="add mod ord replST">
          <ac:chgData name="Sofie Raeymakers" userId="12e7d2fcde2e838b" providerId="LiveId" clId="{131EAD16-EDA5-4FB9-B27B-E14020A3A13B}" dt="2022-02-16T16:04:34.693" v="9234"/>
          <ac:spMkLst>
            <pc:docMk/>
            <pc:sldMk cId="4003685623" sldId="257"/>
            <ac:spMk id="120" creationId="{4263C325-AFA7-4DB6-88AF-15DEC56133F8}"/>
          </ac:spMkLst>
        </pc:spChg>
        <pc:spChg chg="add mod replST delST">
          <ac:chgData name="Sofie Raeymakers" userId="12e7d2fcde2e838b" providerId="LiveId" clId="{131EAD16-EDA5-4FB9-B27B-E14020A3A13B}" dt="2022-02-16T16:04:34.695" v="9239"/>
          <ac:spMkLst>
            <pc:docMk/>
            <pc:sldMk cId="4003685623" sldId="257"/>
            <ac:spMk id="121" creationId="{D53CE551-37E9-48CF-8C67-EDD8249B99B0}"/>
          </ac:spMkLst>
        </pc:spChg>
        <pc:spChg chg="add mod ord replST">
          <ac:chgData name="Sofie Raeymakers" userId="12e7d2fcde2e838b" providerId="LiveId" clId="{131EAD16-EDA5-4FB9-B27B-E14020A3A13B}" dt="2022-02-16T16:04:34.697" v="9245"/>
          <ac:spMkLst>
            <pc:docMk/>
            <pc:sldMk cId="4003685623" sldId="257"/>
            <ac:spMk id="122" creationId="{F178798F-5BE1-44DF-B9D5-8CB18746BB06}"/>
          </ac:spMkLst>
        </pc:spChg>
        <pc:spChg chg="add mod ord replST">
          <ac:chgData name="Sofie Raeymakers" userId="12e7d2fcde2e838b" providerId="LiveId" clId="{131EAD16-EDA5-4FB9-B27B-E14020A3A13B}" dt="2022-02-16T16:04:34.699" v="9251"/>
          <ac:spMkLst>
            <pc:docMk/>
            <pc:sldMk cId="4003685623" sldId="257"/>
            <ac:spMk id="123" creationId="{8967FA4B-28CC-4F64-B76E-716EE0FB25E6}"/>
          </ac:spMkLst>
        </pc:spChg>
        <pc:spChg chg="add mod replST delST">
          <ac:chgData name="Sofie Raeymakers" userId="12e7d2fcde2e838b" providerId="LiveId" clId="{131EAD16-EDA5-4FB9-B27B-E14020A3A13B}" dt="2022-02-16T16:04:34.701" v="9254"/>
          <ac:spMkLst>
            <pc:docMk/>
            <pc:sldMk cId="4003685623" sldId="257"/>
            <ac:spMk id="124" creationId="{69D93F06-5EA3-43A3-9F80-8CB9F89667FA}"/>
          </ac:spMkLst>
        </pc:spChg>
        <pc:spChg chg="add mod ord replST">
          <ac:chgData name="Sofie Raeymakers" userId="12e7d2fcde2e838b" providerId="LiveId" clId="{131EAD16-EDA5-4FB9-B27B-E14020A3A13B}" dt="2022-02-16T16:04:34.704" v="9260"/>
          <ac:spMkLst>
            <pc:docMk/>
            <pc:sldMk cId="4003685623" sldId="257"/>
            <ac:spMk id="125" creationId="{03229DF3-4DB1-4A0E-8B64-906E5E961B0C}"/>
          </ac:spMkLst>
        </pc:spChg>
        <pc:spChg chg="add mod ord replST">
          <ac:chgData name="Sofie Raeymakers" userId="12e7d2fcde2e838b" providerId="LiveId" clId="{131EAD16-EDA5-4FB9-B27B-E14020A3A13B}" dt="2022-02-16T16:04:34.706" v="9266"/>
          <ac:spMkLst>
            <pc:docMk/>
            <pc:sldMk cId="4003685623" sldId="257"/>
            <ac:spMk id="126" creationId="{690DD18C-5D19-4601-945D-05EC31307959}"/>
          </ac:spMkLst>
        </pc:spChg>
        <pc:spChg chg="add mod replST delST">
          <ac:chgData name="Sofie Raeymakers" userId="12e7d2fcde2e838b" providerId="LiveId" clId="{131EAD16-EDA5-4FB9-B27B-E14020A3A13B}" dt="2022-02-16T16:04:34.708" v="9269"/>
          <ac:spMkLst>
            <pc:docMk/>
            <pc:sldMk cId="4003685623" sldId="257"/>
            <ac:spMk id="127" creationId="{D42B7D89-03E9-41E8-ABDE-C2B2FE0E1AD6}"/>
          </ac:spMkLst>
        </pc:spChg>
        <pc:spChg chg="add mod replST">
          <ac:chgData name="Sofie Raeymakers" userId="12e7d2fcde2e838b" providerId="LiveId" clId="{131EAD16-EDA5-4FB9-B27B-E14020A3A13B}" dt="2022-02-16T16:04:34.710" v="9273"/>
          <ac:spMkLst>
            <pc:docMk/>
            <pc:sldMk cId="4003685623" sldId="257"/>
            <ac:spMk id="128" creationId="{2A15CC16-BD07-4531-9C12-B27E09636B3B}"/>
          </ac:spMkLst>
        </pc:spChg>
        <pc:spChg chg="add mod modVis replST">
          <ac:chgData name="Sofie Raeymakers" userId="12e7d2fcde2e838b" providerId="LiveId" clId="{131EAD16-EDA5-4FB9-B27B-E14020A3A13B}" dt="2022-02-16T16:04:34.711" v="9277"/>
          <ac:spMkLst>
            <pc:docMk/>
            <pc:sldMk cId="4003685623" sldId="257"/>
            <ac:spMk id="129" creationId="{6128DCAE-970E-4E47-8E7B-38CC7D195EED}"/>
          </ac:spMkLst>
        </pc:spChg>
        <pc:spChg chg="add mod ord modVis replST">
          <ac:chgData name="Sofie Raeymakers" userId="12e7d2fcde2e838b" providerId="LiveId" clId="{131EAD16-EDA5-4FB9-B27B-E14020A3A13B}" dt="2022-02-16T16:04:34.712" v="9279"/>
          <ac:spMkLst>
            <pc:docMk/>
            <pc:sldMk cId="4003685623" sldId="257"/>
            <ac:spMk id="130" creationId="{B884524C-0451-485D-BBC8-A1B80C529033}"/>
          </ac:spMkLst>
        </pc:spChg>
        <pc:spChg chg="add mod ord modVis replST">
          <ac:chgData name="Sofie Raeymakers" userId="12e7d2fcde2e838b" providerId="LiveId" clId="{131EAD16-EDA5-4FB9-B27B-E14020A3A13B}" dt="2022-02-16T16:04:34.712" v="9281"/>
          <ac:spMkLst>
            <pc:docMk/>
            <pc:sldMk cId="4003685623" sldId="257"/>
            <ac:spMk id="131" creationId="{8CBB9295-8050-4F7F-B3B9-80D10FF1D05E}"/>
          </ac:spMkLst>
        </pc:spChg>
        <pc:spChg chg="add mod ord modVis replST">
          <ac:chgData name="Sofie Raeymakers" userId="12e7d2fcde2e838b" providerId="LiveId" clId="{131EAD16-EDA5-4FB9-B27B-E14020A3A13B}" dt="2022-02-16T16:04:34.713" v="9283"/>
          <ac:spMkLst>
            <pc:docMk/>
            <pc:sldMk cId="4003685623" sldId="257"/>
            <ac:spMk id="132" creationId="{D0A1AA97-A05C-4945-A905-319C46474299}"/>
          </ac:spMkLst>
        </pc:spChg>
        <pc:spChg chg="add mod ord replST">
          <ac:chgData name="Sofie Raeymakers" userId="12e7d2fcde2e838b" providerId="LiveId" clId="{131EAD16-EDA5-4FB9-B27B-E14020A3A13B}" dt="2022-02-16T16:04:34.715" v="9289"/>
          <ac:spMkLst>
            <pc:docMk/>
            <pc:sldMk cId="4003685623" sldId="257"/>
            <ac:spMk id="133" creationId="{14B87960-A3FF-4DCC-B296-9ACE0DD33D49}"/>
          </ac:spMkLst>
        </pc:spChg>
        <pc:spChg chg="add mod ord replST">
          <ac:chgData name="Sofie Raeymakers" userId="12e7d2fcde2e838b" providerId="LiveId" clId="{131EAD16-EDA5-4FB9-B27B-E14020A3A13B}" dt="2022-02-16T16:04:34.716" v="9295"/>
          <ac:spMkLst>
            <pc:docMk/>
            <pc:sldMk cId="4003685623" sldId="257"/>
            <ac:spMk id="134" creationId="{2430C8FF-4086-4E8F-B1BB-6E2BA847713B}"/>
          </ac:spMkLst>
        </pc:spChg>
        <pc:spChg chg="add mod ord modVis replST">
          <ac:chgData name="Sofie Raeymakers" userId="12e7d2fcde2e838b" providerId="LiveId" clId="{131EAD16-EDA5-4FB9-B27B-E14020A3A13B}" dt="2022-02-16T16:04:34.717" v="9297"/>
          <ac:spMkLst>
            <pc:docMk/>
            <pc:sldMk cId="4003685623" sldId="257"/>
            <ac:spMk id="135" creationId="{2179D22C-AC6E-4899-91FD-3DAD1D75B00C}"/>
          </ac:spMkLst>
        </pc:spChg>
        <pc:spChg chg="add mod replST delST">
          <ac:chgData name="Sofie Raeymakers" userId="12e7d2fcde2e838b" providerId="LiveId" clId="{131EAD16-EDA5-4FB9-B27B-E14020A3A13B}" dt="2022-02-16T16:04:34.721" v="9306"/>
          <ac:spMkLst>
            <pc:docMk/>
            <pc:sldMk cId="4003685623" sldId="257"/>
            <ac:spMk id="136" creationId="{15B1D1E5-A8A7-4122-B526-712466158BDA}"/>
          </ac:spMkLst>
        </pc:spChg>
        <pc:spChg chg="add mod modVis replST">
          <ac:chgData name="Sofie Raeymakers" userId="12e7d2fcde2e838b" providerId="LiveId" clId="{131EAD16-EDA5-4FB9-B27B-E14020A3A13B}" dt="2022-02-16T16:04:34.723" v="9310"/>
          <ac:spMkLst>
            <pc:docMk/>
            <pc:sldMk cId="4003685623" sldId="257"/>
            <ac:spMk id="137" creationId="{8843A1A3-BE74-4644-86F8-E3A45B372829}"/>
          </ac:spMkLst>
        </pc:spChg>
        <pc:spChg chg="add mod ord modVis replST">
          <ac:chgData name="Sofie Raeymakers" userId="12e7d2fcde2e838b" providerId="LiveId" clId="{131EAD16-EDA5-4FB9-B27B-E14020A3A13B}" dt="2022-02-16T16:04:34.726" v="9313"/>
          <ac:spMkLst>
            <pc:docMk/>
            <pc:sldMk cId="4003685623" sldId="257"/>
            <ac:spMk id="138" creationId="{5641DEE9-3C53-4BE6-BAE4-57EFD347A454}"/>
          </ac:spMkLst>
        </pc:spChg>
        <pc:spChg chg="add mod ord modVis replST">
          <ac:chgData name="Sofie Raeymakers" userId="12e7d2fcde2e838b" providerId="LiveId" clId="{131EAD16-EDA5-4FB9-B27B-E14020A3A13B}" dt="2022-02-16T16:04:34.726" v="9315"/>
          <ac:spMkLst>
            <pc:docMk/>
            <pc:sldMk cId="4003685623" sldId="257"/>
            <ac:spMk id="139" creationId="{756F427D-6DCB-4EDA-B97F-52E99C21E34D}"/>
          </ac:spMkLst>
        </pc:spChg>
        <pc:spChg chg="add mod ord modVis replST">
          <ac:chgData name="Sofie Raeymakers" userId="12e7d2fcde2e838b" providerId="LiveId" clId="{131EAD16-EDA5-4FB9-B27B-E14020A3A13B}" dt="2022-02-16T16:04:34.727" v="9317"/>
          <ac:spMkLst>
            <pc:docMk/>
            <pc:sldMk cId="4003685623" sldId="257"/>
            <ac:spMk id="140" creationId="{38A237EA-6E08-4BCD-BC02-B5FDB26D8C9F}"/>
          </ac:spMkLst>
        </pc:spChg>
        <pc:spChg chg="add mod ord replST">
          <ac:chgData name="Sofie Raeymakers" userId="12e7d2fcde2e838b" providerId="LiveId" clId="{131EAD16-EDA5-4FB9-B27B-E14020A3A13B}" dt="2022-02-16T16:04:34.729" v="9323"/>
          <ac:spMkLst>
            <pc:docMk/>
            <pc:sldMk cId="4003685623" sldId="257"/>
            <ac:spMk id="141" creationId="{55F4E2E2-891A-4625-8433-517D9778C1E5}"/>
          </ac:spMkLst>
        </pc:spChg>
        <pc:spChg chg="add mod ord replST">
          <ac:chgData name="Sofie Raeymakers" userId="12e7d2fcde2e838b" providerId="LiveId" clId="{131EAD16-EDA5-4FB9-B27B-E14020A3A13B}" dt="2022-02-16T16:04:34.741" v="9339"/>
          <ac:spMkLst>
            <pc:docMk/>
            <pc:sldMk cId="4003685623" sldId="257"/>
            <ac:spMk id="142" creationId="{65C56D10-F83B-43DF-A482-5F5D5C37B417}"/>
          </ac:spMkLst>
        </pc:spChg>
        <pc:spChg chg="add mod ord modVis replST">
          <ac:chgData name="Sofie Raeymakers" userId="12e7d2fcde2e838b" providerId="LiveId" clId="{131EAD16-EDA5-4FB9-B27B-E14020A3A13B}" dt="2022-02-16T16:04:34.742" v="9341"/>
          <ac:spMkLst>
            <pc:docMk/>
            <pc:sldMk cId="4003685623" sldId="257"/>
            <ac:spMk id="143" creationId="{9633FF33-D956-4BF6-9887-F7F6F8C64DF3}"/>
          </ac:spMkLst>
        </pc:spChg>
        <pc:spChg chg="add mod replST">
          <ac:chgData name="Sofie Raeymakers" userId="12e7d2fcde2e838b" providerId="LiveId" clId="{131EAD16-EDA5-4FB9-B27B-E14020A3A13B}" dt="2022-02-16T16:04:34.744" v="9345"/>
          <ac:spMkLst>
            <pc:docMk/>
            <pc:sldMk cId="4003685623" sldId="257"/>
            <ac:spMk id="144" creationId="{4CED9013-D44C-47B4-B6CD-0BE066FB3FFE}"/>
          </ac:spMkLst>
        </pc:spChg>
        <pc:spChg chg="add mod modVis replST">
          <ac:chgData name="Sofie Raeymakers" userId="12e7d2fcde2e838b" providerId="LiveId" clId="{131EAD16-EDA5-4FB9-B27B-E14020A3A13B}" dt="2022-02-16T16:04:34.746" v="9349"/>
          <ac:spMkLst>
            <pc:docMk/>
            <pc:sldMk cId="4003685623" sldId="257"/>
            <ac:spMk id="145" creationId="{66D474B7-38A6-4E2B-A809-E176252B3B2E}"/>
          </ac:spMkLst>
        </pc:spChg>
        <pc:spChg chg="add mod ord modVis replST">
          <ac:chgData name="Sofie Raeymakers" userId="12e7d2fcde2e838b" providerId="LiveId" clId="{131EAD16-EDA5-4FB9-B27B-E14020A3A13B}" dt="2022-02-16T16:04:34.747" v="9351"/>
          <ac:spMkLst>
            <pc:docMk/>
            <pc:sldMk cId="4003685623" sldId="257"/>
            <ac:spMk id="146" creationId="{E657FBF0-36B0-4D94-B598-CCA1AC4BD743}"/>
          </ac:spMkLst>
        </pc:spChg>
        <pc:spChg chg="add mod ord modVis replST">
          <ac:chgData name="Sofie Raeymakers" userId="12e7d2fcde2e838b" providerId="LiveId" clId="{131EAD16-EDA5-4FB9-B27B-E14020A3A13B}" dt="2022-02-16T16:04:34.747" v="9353"/>
          <ac:spMkLst>
            <pc:docMk/>
            <pc:sldMk cId="4003685623" sldId="257"/>
            <ac:spMk id="147" creationId="{03D74379-DCE7-4FE6-A720-3B34A3530346}"/>
          </ac:spMkLst>
        </pc:spChg>
        <pc:spChg chg="add mod ord modVis replST">
          <ac:chgData name="Sofie Raeymakers" userId="12e7d2fcde2e838b" providerId="LiveId" clId="{131EAD16-EDA5-4FB9-B27B-E14020A3A13B}" dt="2022-02-16T16:04:34.748" v="9355"/>
          <ac:spMkLst>
            <pc:docMk/>
            <pc:sldMk cId="4003685623" sldId="257"/>
            <ac:spMk id="148" creationId="{629264DA-33B2-4652-B05E-BD72D1AE3438}"/>
          </ac:spMkLst>
        </pc:spChg>
        <pc:spChg chg="add mod ord replST">
          <ac:chgData name="Sofie Raeymakers" userId="12e7d2fcde2e838b" providerId="LiveId" clId="{131EAD16-EDA5-4FB9-B27B-E14020A3A13B}" dt="2022-02-16T16:04:34.750" v="9361"/>
          <ac:spMkLst>
            <pc:docMk/>
            <pc:sldMk cId="4003685623" sldId="257"/>
            <ac:spMk id="149" creationId="{AE2FB323-4101-4477-974E-F672B71E1043}"/>
          </ac:spMkLst>
        </pc:spChg>
        <pc:spChg chg="add mod ord replST">
          <ac:chgData name="Sofie Raeymakers" userId="12e7d2fcde2e838b" providerId="LiveId" clId="{131EAD16-EDA5-4FB9-B27B-E14020A3A13B}" dt="2022-02-16T16:04:34.752" v="9367"/>
          <ac:spMkLst>
            <pc:docMk/>
            <pc:sldMk cId="4003685623" sldId="257"/>
            <ac:spMk id="150" creationId="{A5FB7636-1CD3-4A6F-A516-B9AA228CE645}"/>
          </ac:spMkLst>
        </pc:spChg>
        <pc:spChg chg="add mod ord modVis replST">
          <ac:chgData name="Sofie Raeymakers" userId="12e7d2fcde2e838b" providerId="LiveId" clId="{131EAD16-EDA5-4FB9-B27B-E14020A3A13B}" dt="2022-02-16T16:04:34.753" v="9369"/>
          <ac:spMkLst>
            <pc:docMk/>
            <pc:sldMk cId="4003685623" sldId="257"/>
            <ac:spMk id="151" creationId="{E4733D79-8272-476C-9E5F-7D67EFD64FD6}"/>
          </ac:spMkLst>
        </pc:spChg>
        <pc:spChg chg="add mod replST">
          <ac:chgData name="Sofie Raeymakers" userId="12e7d2fcde2e838b" providerId="LiveId" clId="{131EAD16-EDA5-4FB9-B27B-E14020A3A13B}" dt="2022-02-16T16:04:34.755" v="9373"/>
          <ac:spMkLst>
            <pc:docMk/>
            <pc:sldMk cId="4003685623" sldId="257"/>
            <ac:spMk id="152" creationId="{CE425776-FC9E-4DAA-A05A-BEAE27DC5594}"/>
          </ac:spMkLst>
        </pc:spChg>
        <pc:spChg chg="add mod modVis replST">
          <ac:chgData name="Sofie Raeymakers" userId="12e7d2fcde2e838b" providerId="LiveId" clId="{131EAD16-EDA5-4FB9-B27B-E14020A3A13B}" dt="2022-02-16T16:04:34.757" v="9377"/>
          <ac:spMkLst>
            <pc:docMk/>
            <pc:sldMk cId="4003685623" sldId="257"/>
            <ac:spMk id="153" creationId="{8CAE104C-D354-498C-8AD7-C6C1AD2C802A}"/>
          </ac:spMkLst>
        </pc:spChg>
        <pc:spChg chg="add mod ord modVis replST">
          <ac:chgData name="Sofie Raeymakers" userId="12e7d2fcde2e838b" providerId="LiveId" clId="{131EAD16-EDA5-4FB9-B27B-E14020A3A13B}" dt="2022-02-16T16:04:34.758" v="9379"/>
          <ac:spMkLst>
            <pc:docMk/>
            <pc:sldMk cId="4003685623" sldId="257"/>
            <ac:spMk id="154" creationId="{AD0ACB05-4B27-4DBB-8712-9DDF1E217CE7}"/>
          </ac:spMkLst>
        </pc:spChg>
        <pc:spChg chg="add mod ord modVis replST">
          <ac:chgData name="Sofie Raeymakers" userId="12e7d2fcde2e838b" providerId="LiveId" clId="{131EAD16-EDA5-4FB9-B27B-E14020A3A13B}" dt="2022-02-16T16:04:34.759" v="9381"/>
          <ac:spMkLst>
            <pc:docMk/>
            <pc:sldMk cId="4003685623" sldId="257"/>
            <ac:spMk id="155" creationId="{65823B4D-432B-4A70-A273-B77884B65618}"/>
          </ac:spMkLst>
        </pc:spChg>
        <pc:spChg chg="add mod ord modVis replST">
          <ac:chgData name="Sofie Raeymakers" userId="12e7d2fcde2e838b" providerId="LiveId" clId="{131EAD16-EDA5-4FB9-B27B-E14020A3A13B}" dt="2022-02-16T16:04:34.760" v="9383"/>
          <ac:spMkLst>
            <pc:docMk/>
            <pc:sldMk cId="4003685623" sldId="257"/>
            <ac:spMk id="156" creationId="{437D76A5-94B2-4C34-8A17-A7B8279FA883}"/>
          </ac:spMkLst>
        </pc:spChg>
        <pc:spChg chg="add mod ord replST">
          <ac:chgData name="Sofie Raeymakers" userId="12e7d2fcde2e838b" providerId="LiveId" clId="{131EAD16-EDA5-4FB9-B27B-E14020A3A13B}" dt="2022-02-16T16:04:34.762" v="9389"/>
          <ac:spMkLst>
            <pc:docMk/>
            <pc:sldMk cId="4003685623" sldId="257"/>
            <ac:spMk id="157" creationId="{5D13C7FB-4914-4581-AE1C-435818754450}"/>
          </ac:spMkLst>
        </pc:spChg>
        <pc:spChg chg="add mod ord replST">
          <ac:chgData name="Sofie Raeymakers" userId="12e7d2fcde2e838b" providerId="LiveId" clId="{131EAD16-EDA5-4FB9-B27B-E14020A3A13B}" dt="2022-02-16T16:04:34.764" v="9395"/>
          <ac:spMkLst>
            <pc:docMk/>
            <pc:sldMk cId="4003685623" sldId="257"/>
            <ac:spMk id="158" creationId="{C528F335-E23D-4639-9B1A-79148F200286}"/>
          </ac:spMkLst>
        </pc:spChg>
        <pc:spChg chg="add mod ord modVis replST">
          <ac:chgData name="Sofie Raeymakers" userId="12e7d2fcde2e838b" providerId="LiveId" clId="{131EAD16-EDA5-4FB9-B27B-E14020A3A13B}" dt="2022-02-16T16:04:34.765" v="9397"/>
          <ac:spMkLst>
            <pc:docMk/>
            <pc:sldMk cId="4003685623" sldId="257"/>
            <ac:spMk id="159" creationId="{56C39F9F-984B-43EF-B644-B90C5D7DFC94}"/>
          </ac:spMkLst>
        </pc:spChg>
        <pc:spChg chg="add mod replST">
          <ac:chgData name="Sofie Raeymakers" userId="12e7d2fcde2e838b" providerId="LiveId" clId="{131EAD16-EDA5-4FB9-B27B-E14020A3A13B}" dt="2022-02-16T16:04:34.768" v="9401"/>
          <ac:spMkLst>
            <pc:docMk/>
            <pc:sldMk cId="4003685623" sldId="257"/>
            <ac:spMk id="160" creationId="{FC3E540C-59CB-4966-9E5E-277754A8E5B3}"/>
          </ac:spMkLst>
        </pc:spChg>
        <pc:spChg chg="add mod modVis replST">
          <ac:chgData name="Sofie Raeymakers" userId="12e7d2fcde2e838b" providerId="LiveId" clId="{131EAD16-EDA5-4FB9-B27B-E14020A3A13B}" dt="2022-02-16T16:04:34.770" v="9405"/>
          <ac:spMkLst>
            <pc:docMk/>
            <pc:sldMk cId="4003685623" sldId="257"/>
            <ac:spMk id="161" creationId="{56F25503-E4F3-4B55-B6D7-6FC1D375E397}"/>
          </ac:spMkLst>
        </pc:spChg>
        <pc:spChg chg="add mod ord modVis replST">
          <ac:chgData name="Sofie Raeymakers" userId="12e7d2fcde2e838b" providerId="LiveId" clId="{131EAD16-EDA5-4FB9-B27B-E14020A3A13B}" dt="2022-02-16T16:04:34.770" v="9407"/>
          <ac:spMkLst>
            <pc:docMk/>
            <pc:sldMk cId="4003685623" sldId="257"/>
            <ac:spMk id="162" creationId="{E6332F19-2416-411F-A9AD-1CEE0B665F2E}"/>
          </ac:spMkLst>
        </pc:spChg>
        <pc:spChg chg="add mod ord modVis replST">
          <ac:chgData name="Sofie Raeymakers" userId="12e7d2fcde2e838b" providerId="LiveId" clId="{131EAD16-EDA5-4FB9-B27B-E14020A3A13B}" dt="2022-02-16T16:04:34.771" v="9409"/>
          <ac:spMkLst>
            <pc:docMk/>
            <pc:sldMk cId="4003685623" sldId="257"/>
            <ac:spMk id="163" creationId="{3A8395E5-C264-44DE-9CC4-CB1E85200A4E}"/>
          </ac:spMkLst>
        </pc:spChg>
        <pc:spChg chg="add mod ord modVis replST">
          <ac:chgData name="Sofie Raeymakers" userId="12e7d2fcde2e838b" providerId="LiveId" clId="{131EAD16-EDA5-4FB9-B27B-E14020A3A13B}" dt="2022-02-16T16:04:34.772" v="9411"/>
          <ac:spMkLst>
            <pc:docMk/>
            <pc:sldMk cId="4003685623" sldId="257"/>
            <ac:spMk id="164" creationId="{7A65429D-5E14-4C68-A1E6-E1D848E19DEE}"/>
          </ac:spMkLst>
        </pc:spChg>
        <pc:spChg chg="add mod ord replST">
          <ac:chgData name="Sofie Raeymakers" userId="12e7d2fcde2e838b" providerId="LiveId" clId="{131EAD16-EDA5-4FB9-B27B-E14020A3A13B}" dt="2022-02-16T16:04:34.774" v="9417"/>
          <ac:spMkLst>
            <pc:docMk/>
            <pc:sldMk cId="4003685623" sldId="257"/>
            <ac:spMk id="165" creationId="{3E756E5A-AF4E-40AD-9DCC-F0D603EF2476}"/>
          </ac:spMkLst>
        </pc:spChg>
        <pc:spChg chg="add mod ord replST">
          <ac:chgData name="Sofie Raeymakers" userId="12e7d2fcde2e838b" providerId="LiveId" clId="{131EAD16-EDA5-4FB9-B27B-E14020A3A13B}" dt="2022-02-16T16:04:34.776" v="9423"/>
          <ac:spMkLst>
            <pc:docMk/>
            <pc:sldMk cId="4003685623" sldId="257"/>
            <ac:spMk id="166" creationId="{CAFEBA57-EF67-49BE-957A-C90298D25569}"/>
          </ac:spMkLst>
        </pc:spChg>
        <pc:spChg chg="add mod ord modVis replST">
          <ac:chgData name="Sofie Raeymakers" userId="12e7d2fcde2e838b" providerId="LiveId" clId="{131EAD16-EDA5-4FB9-B27B-E14020A3A13B}" dt="2022-02-16T16:04:34.777" v="9425"/>
          <ac:spMkLst>
            <pc:docMk/>
            <pc:sldMk cId="4003685623" sldId="257"/>
            <ac:spMk id="167" creationId="{75A4E3BA-9A42-4A79-9140-6764214A115B}"/>
          </ac:spMkLst>
        </pc:spChg>
        <pc:cxnChg chg="mod ord replST">
          <ac:chgData name="Sofie Raeymakers" userId="12e7d2fcde2e838b" providerId="LiveId" clId="{131EAD16-EDA5-4FB9-B27B-E14020A3A13B}" dt="2022-02-16T16:04:34.668" v="9184"/>
          <ac:cxnSpMkLst>
            <pc:docMk/>
            <pc:sldMk cId="4003685623" sldId="257"/>
            <ac:cxnSpMk id="9" creationId="{CF3E9FB2-5B9C-413E-AC7F-EA601EDF54F4}"/>
          </ac:cxnSpMkLst>
        </pc:cxnChg>
        <pc:cxnChg chg="mod ord replST">
          <ac:chgData name="Sofie Raeymakers" userId="12e7d2fcde2e838b" providerId="LiveId" clId="{131EAD16-EDA5-4FB9-B27B-E14020A3A13B}" dt="2022-02-16T16:04:34.671" v="9191"/>
          <ac:cxnSpMkLst>
            <pc:docMk/>
            <pc:sldMk cId="4003685623" sldId="257"/>
            <ac:cxnSpMk id="11" creationId="{317D9DE6-750C-4AA0-BAA7-DC49362B104E}"/>
          </ac:cxnSpMkLst>
        </pc:cxnChg>
        <pc:cxnChg chg="mod ord replST">
          <ac:chgData name="Sofie Raeymakers" userId="12e7d2fcde2e838b" providerId="LiveId" clId="{131EAD16-EDA5-4FB9-B27B-E14020A3A13B}" dt="2022-02-16T16:04:34.675" v="9198"/>
          <ac:cxnSpMkLst>
            <pc:docMk/>
            <pc:sldMk cId="4003685623" sldId="257"/>
            <ac:cxnSpMk id="13" creationId="{031F9C23-1ED1-49C5-A2AC-FF9147AACB1D}"/>
          </ac:cxnSpMkLst>
        </pc:cxnChg>
        <pc:cxnChg chg="mod ord replST">
          <ac:chgData name="Sofie Raeymakers" userId="12e7d2fcde2e838b" providerId="LiveId" clId="{131EAD16-EDA5-4FB9-B27B-E14020A3A13B}" dt="2022-02-16T16:04:34.677" v="9205"/>
          <ac:cxnSpMkLst>
            <pc:docMk/>
            <pc:sldMk cId="4003685623" sldId="257"/>
            <ac:cxnSpMk id="15" creationId="{8DE8A65C-0FB8-4612-B86B-FF817A5837B7}"/>
          </ac:cxnSpMkLst>
        </pc:cxnChg>
        <pc:cxnChg chg="del mod ord replST">
          <ac:chgData name="Sofie Raeymakers" userId="12e7d2fcde2e838b" providerId="LiveId" clId="{131EAD16-EDA5-4FB9-B27B-E14020A3A13B}" dt="2022-02-16T15:22:59.043" v="8604"/>
          <ac:cxnSpMkLst>
            <pc:docMk/>
            <pc:sldMk cId="4003685623" sldId="257"/>
            <ac:cxnSpMk id="35" creationId="{D8B828B6-284B-482F-91ED-5D7A19C75E4A}"/>
          </ac:cxnSpMkLst>
        </pc:cxnChg>
        <pc:cxnChg chg="del mod ord replST">
          <ac:chgData name="Sofie Raeymakers" userId="12e7d2fcde2e838b" providerId="LiveId" clId="{131EAD16-EDA5-4FB9-B27B-E14020A3A13B}" dt="2022-02-16T15:22:59.044" v="8606"/>
          <ac:cxnSpMkLst>
            <pc:docMk/>
            <pc:sldMk cId="4003685623" sldId="257"/>
            <ac:cxnSpMk id="36" creationId="{E8B323C3-0886-42C7-98A9-A75506423104}"/>
          </ac:cxnSpMkLst>
        </pc:cxnChg>
        <pc:cxnChg chg="del mod ord replST">
          <ac:chgData name="Sofie Raeymakers" userId="12e7d2fcde2e838b" providerId="LiveId" clId="{131EAD16-EDA5-4FB9-B27B-E14020A3A13B}" dt="2022-02-16T15:22:59.045" v="8608"/>
          <ac:cxnSpMkLst>
            <pc:docMk/>
            <pc:sldMk cId="4003685623" sldId="257"/>
            <ac:cxnSpMk id="37" creationId="{0137082F-6FA5-415F-A567-6E7D06BA0A49}"/>
          </ac:cxnSpMkLst>
        </pc:cxnChg>
        <pc:cxnChg chg="del mod ord replST">
          <ac:chgData name="Sofie Raeymakers" userId="12e7d2fcde2e838b" providerId="LiveId" clId="{131EAD16-EDA5-4FB9-B27B-E14020A3A13B}" dt="2022-02-16T15:22:59.046" v="8610"/>
          <ac:cxnSpMkLst>
            <pc:docMk/>
            <pc:sldMk cId="4003685623" sldId="257"/>
            <ac:cxnSpMk id="38" creationId="{A1C3AA06-69C6-4D2C-B410-766BA32616C0}"/>
          </ac:cxnSpMkLst>
        </pc:cxnChg>
        <pc:cxnChg chg="add del mod ord replST">
          <ac:chgData name="Sofie Raeymakers" userId="12e7d2fcde2e838b" providerId="LiveId" clId="{131EAD16-EDA5-4FB9-B27B-E14020A3A13B}" dt="2022-02-16T15:50:43.997" v="9152"/>
          <ac:cxnSpMkLst>
            <pc:docMk/>
            <pc:sldMk cId="4003685623" sldId="257"/>
            <ac:cxnSpMk id="118" creationId="{713CF747-1792-4126-848D-D4F056DDB406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FB7727E-2BCF-456B-A2D5-F516FD554B8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2A2B86CF-CA42-4DE8-9AC0-3F6894D38F3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en-GB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E9B17077-3FBE-405E-9E64-A84A72EC5C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0E882207-421A-4E1C-903E-0376F572AC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0DA68EAA-606E-4E21-B2AF-63136AA53E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713565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9DB3C66-9AB2-4321-9619-495AB38C3F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verticale tekst 2">
            <a:extLst>
              <a:ext uri="{FF2B5EF4-FFF2-40B4-BE49-F238E27FC236}">
                <a16:creationId xmlns:a16="http://schemas.microsoft.com/office/drawing/2014/main" id="{7D529A55-62A0-4131-A8F2-8BEF9DB5190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GB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3224854B-6B42-49D7-A325-8E2022F178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C1A9F8AE-AC25-497F-A8D6-CD351DD640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AA414ED0-1A6D-44BA-A043-09C45798FC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77259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>
            <a:extLst>
              <a:ext uri="{FF2B5EF4-FFF2-40B4-BE49-F238E27FC236}">
                <a16:creationId xmlns:a16="http://schemas.microsoft.com/office/drawing/2014/main" id="{45F04B97-DF41-4411-BF68-65EBDA0A3D5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verticale tekst 2">
            <a:extLst>
              <a:ext uri="{FF2B5EF4-FFF2-40B4-BE49-F238E27FC236}">
                <a16:creationId xmlns:a16="http://schemas.microsoft.com/office/drawing/2014/main" id="{92C39B8E-C6EB-487F-A946-D6BD31F6489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GB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E9DED1E-6117-4513-8B35-FC364DEADD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694253A3-026C-40BB-B331-37218D5DB4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20181D21-6C15-47CC-AED3-37158E29D5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18917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8C1598-0244-4D33-86DF-E545854705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AE797048-7FE3-43D3-8A6C-4F94CF63E0B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GB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3F693B8D-FDE7-4734-9DE0-7FA22D0194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4DAA5C42-E01E-4F7D-9C29-D8A432DEBA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910EA66C-B89B-4BCD-B5E3-399E448711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01623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A3A4FF5-E973-42C7-9769-002C33D8D3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517E3CAB-6AC4-4C44-BF62-15E540D7153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D055C32B-5FB7-4A9A-B56D-52C1E02F4D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A2D5629D-E0D3-4EE1-98DE-4B4EA32114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9F66122-8CC6-46BC-B4F8-8CD2ACC1BD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283944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40EAF9-0549-4851-A7A0-C25BF0D5F0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E827EB04-AFEC-4691-9815-DBE0A5DC4DB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GB"/>
          </a:p>
        </p:txBody>
      </p:sp>
      <p:sp>
        <p:nvSpPr>
          <p:cNvPr id="4" name="Tijdelijke aanduiding voor inhoud 3">
            <a:extLst>
              <a:ext uri="{FF2B5EF4-FFF2-40B4-BE49-F238E27FC236}">
                <a16:creationId xmlns:a16="http://schemas.microsoft.com/office/drawing/2014/main" id="{77EEDB3D-6BD3-4746-8910-79BA716DFB6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GB"/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896F7315-3A61-48ED-88FA-615B826B18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4DDF7B34-8A94-4E32-914E-864C7CB2FB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3577B7C6-E829-4669-8F29-FAA7F25C68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676605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899676D-5293-48CC-A97B-BC7A3159E5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278A6A83-7C4F-4D95-A909-C4E09211A0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Tijdelijke aanduiding voor inhoud 3">
            <a:extLst>
              <a:ext uri="{FF2B5EF4-FFF2-40B4-BE49-F238E27FC236}">
                <a16:creationId xmlns:a16="http://schemas.microsoft.com/office/drawing/2014/main" id="{856FF652-6CAF-4094-822C-054C638E10F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GB"/>
          </a:p>
        </p:txBody>
      </p:sp>
      <p:sp>
        <p:nvSpPr>
          <p:cNvPr id="5" name="Tijdelijke aanduiding voor tekst 4">
            <a:extLst>
              <a:ext uri="{FF2B5EF4-FFF2-40B4-BE49-F238E27FC236}">
                <a16:creationId xmlns:a16="http://schemas.microsoft.com/office/drawing/2014/main" id="{3FDFA26F-8AD1-4C02-B821-0F1B24D104B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6" name="Tijdelijke aanduiding voor inhoud 5">
            <a:extLst>
              <a:ext uri="{FF2B5EF4-FFF2-40B4-BE49-F238E27FC236}">
                <a16:creationId xmlns:a16="http://schemas.microsoft.com/office/drawing/2014/main" id="{5C26F974-607B-4CAE-B5B3-DFA2AEF574D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GB"/>
          </a:p>
        </p:txBody>
      </p:sp>
      <p:sp>
        <p:nvSpPr>
          <p:cNvPr id="7" name="Tijdelijke aanduiding voor datum 6">
            <a:extLst>
              <a:ext uri="{FF2B5EF4-FFF2-40B4-BE49-F238E27FC236}">
                <a16:creationId xmlns:a16="http://schemas.microsoft.com/office/drawing/2014/main" id="{4709A545-4FB5-4323-AF70-ADA17B19C0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8" name="Tijdelijke aanduiding voor voettekst 7">
            <a:extLst>
              <a:ext uri="{FF2B5EF4-FFF2-40B4-BE49-F238E27FC236}">
                <a16:creationId xmlns:a16="http://schemas.microsoft.com/office/drawing/2014/main" id="{A1E6D635-AF50-43A1-B839-B50AA7FA68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Tijdelijke aanduiding voor dianummer 8">
            <a:extLst>
              <a:ext uri="{FF2B5EF4-FFF2-40B4-BE49-F238E27FC236}">
                <a16:creationId xmlns:a16="http://schemas.microsoft.com/office/drawing/2014/main" id="{5DA0F6B7-1E47-43B7-8DED-34A879306F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772151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78EBB73-ACC7-49FD-B181-9EDD5CF6F0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8B333D6A-5491-4DA8-A3D4-CD374F0E73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CF8C8CE7-6264-4B6F-A319-E33CFC0B0B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F72188D1-62C9-419F-A922-62FBD02B3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89521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atum 1">
            <a:extLst>
              <a:ext uri="{FF2B5EF4-FFF2-40B4-BE49-F238E27FC236}">
                <a16:creationId xmlns:a16="http://schemas.microsoft.com/office/drawing/2014/main" id="{B73A8B14-1C59-45EB-AF04-0FCBFB1D21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3" name="Tijdelijke aanduiding voor voettekst 2">
            <a:extLst>
              <a:ext uri="{FF2B5EF4-FFF2-40B4-BE49-F238E27FC236}">
                <a16:creationId xmlns:a16="http://schemas.microsoft.com/office/drawing/2014/main" id="{C1B49A78-0401-4E96-AD48-B14C3505AC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Tijdelijke aanduiding voor dianummer 3">
            <a:extLst>
              <a:ext uri="{FF2B5EF4-FFF2-40B4-BE49-F238E27FC236}">
                <a16:creationId xmlns:a16="http://schemas.microsoft.com/office/drawing/2014/main" id="{DDD9DE23-75AC-42B2-974B-DF01E397A3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36459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6FE2140-52AB-4912-A7F4-6B2E768CC8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FD3BA759-0700-4214-9A92-E09D94C204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GB"/>
          </a:p>
        </p:txBody>
      </p:sp>
      <p:sp>
        <p:nvSpPr>
          <p:cNvPr id="4" name="Tijdelijke aanduiding voor tekst 3">
            <a:extLst>
              <a:ext uri="{FF2B5EF4-FFF2-40B4-BE49-F238E27FC236}">
                <a16:creationId xmlns:a16="http://schemas.microsoft.com/office/drawing/2014/main" id="{4536B52B-E1E3-4F49-A798-1958F44C6EC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21C92FBD-B300-4AF3-9C6F-77D268E5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7218B552-BC1D-41C7-8A05-1B65D95405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5841D0FD-570C-44F9-B305-06755C55E6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0758877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9D51449-AA5C-4041-BE1C-8AB2E3E7DF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afbeelding 2">
            <a:extLst>
              <a:ext uri="{FF2B5EF4-FFF2-40B4-BE49-F238E27FC236}">
                <a16:creationId xmlns:a16="http://schemas.microsoft.com/office/drawing/2014/main" id="{DE531B6B-CA7A-499C-91A7-12180757915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ijdelijke aanduiding voor tekst 3">
            <a:extLst>
              <a:ext uri="{FF2B5EF4-FFF2-40B4-BE49-F238E27FC236}">
                <a16:creationId xmlns:a16="http://schemas.microsoft.com/office/drawing/2014/main" id="{5A60D138-15AF-4619-B055-BAE88484559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2D36B19E-897F-4D6A-B8AF-88D398A53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2D6C1F39-38F3-4BC5-8F33-EF96EF8A52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418A342F-BD55-47A6-9E58-80C5956897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939176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B93CC483-40EE-49A0-AD24-7A95175764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l-NL"/>
              <a:t>Klik om stijl te bewerken</a:t>
            </a:r>
            <a:endParaRPr lang="en-GB"/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E7842BE5-B07B-4D49-9320-6C273AB7B30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GB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E6FDF7F7-8570-4439-A4DE-AE5FD8F1C9A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95B8E2-B5B9-4B99-B0BF-01FF45171BF7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E4D80BA1-3C81-4572-872A-9A3C9BA693B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94B1A4FE-4293-4D67-825F-725B8B156DB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50146B9-2076-4F2F-AE06-89B6FDE254B6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61637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643EBA3-0B48-4103-B0D7-3FEC3D39731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E9A6CD54-BEF6-4BCD-B53F-736C9E81D51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3129589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F1BC1F6-C2B2-44BB-8D87-379ADC46A38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400135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3493C38C-618F-4F98-B3B9-1A2394D6516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chemeClr val="accent2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73" name="OTLSHAPE_TB_00000000000000000000000000000000_ScaleContainer">
            <a:extLst>
              <a:ext uri="{FF2B5EF4-FFF2-40B4-BE49-F238E27FC236}">
                <a16:creationId xmlns:a16="http://schemas.microsoft.com/office/drawing/2014/main" id="{6D79573D-D2C7-42E1-97FA-5B4E8CF43AC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809665" y="3048000"/>
            <a:ext cx="9550400" cy="381000"/>
          </a:xfrm>
          <a:prstGeom prst="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" name="OTLSHAPE_TB_00000000000000000000000000000000_ElapsedTime">
            <a:extLst>
              <a:ext uri="{FF2B5EF4-FFF2-40B4-BE49-F238E27FC236}">
                <a16:creationId xmlns:a16="http://schemas.microsoft.com/office/drawing/2014/main" id="{FBCAA2B2-2549-4AF0-8351-952B3D05D9D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809665" y="3352800"/>
            <a:ext cx="254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0F40AF65-AB6B-468F-BCA8-44AA9DDCE36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99922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E4943E57-2673-4890-80DA-1F0CD4C668A6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873528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D91AAF7-F629-440C-BF15-4A75AE9ABC68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873165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pc="-44">
                <a:solidFill>
                  <a:schemeClr val="l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3C164C6-AC49-42A1-8E16-4257493A090F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77969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pc="-44">
                <a:solidFill>
                  <a:schemeClr val="l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CAFAF947-F3AD-4C1F-9985-EF9A440F186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68622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pc="-44">
                <a:solidFill>
                  <a:schemeClr val="l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3614EEE8-BF85-4D66-BED7-95B6BF152DF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597977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pc="-44">
                <a:solidFill>
                  <a:schemeClr val="l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1619F137-3E9C-47C8-968F-D2D28E1823F9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504506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pc="-44">
                <a:solidFill>
                  <a:schemeClr val="lt2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CF3E9FB2-5B9C-413E-AC7F-EA601EDF54F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716194" y="3124200"/>
            <a:ext cx="0" cy="228600"/>
          </a:xfrm>
          <a:prstGeom prst="line">
            <a:avLst/>
          </a:prstGeom>
          <a:ln w="762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317D9DE6-750C-4AA0-BAA7-DC49362B104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622724" y="3124200"/>
            <a:ext cx="0" cy="228600"/>
          </a:xfrm>
          <a:prstGeom prst="line">
            <a:avLst/>
          </a:prstGeom>
          <a:ln w="762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031F9C23-1ED1-49C5-A2AC-FF9147AACB1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534477" y="3124200"/>
            <a:ext cx="0" cy="228600"/>
          </a:xfrm>
          <a:prstGeom prst="line">
            <a:avLst/>
          </a:prstGeom>
          <a:ln w="762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8DE8A65C-0FB8-4612-B86B-FF817A5837B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441005" y="3124200"/>
            <a:ext cx="0" cy="228600"/>
          </a:xfrm>
          <a:prstGeom prst="line">
            <a:avLst/>
          </a:prstGeom>
          <a:ln w="762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T_e3de7201a8f04125ada765b9a1229d86_Shape">
            <a:extLst>
              <a:ext uri="{FF2B5EF4-FFF2-40B4-BE49-F238E27FC236}">
                <a16:creationId xmlns:a16="http://schemas.microsoft.com/office/drawing/2014/main" id="{2A15CC16-BD07-4531-9C12-B27E09636B3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509597" y="3952177"/>
            <a:ext cx="1219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0fb49519ae514d809913d09f4f524c74_Shape">
            <a:extLst>
              <a:ext uri="{FF2B5EF4-FFF2-40B4-BE49-F238E27FC236}">
                <a16:creationId xmlns:a16="http://schemas.microsoft.com/office/drawing/2014/main" id="{15B1D1E5-A8A7-4122-B526-712466158BD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78119" y="4232720"/>
            <a:ext cx="11049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T_ea1cdadf4077472abc84676c84bc777d_Shape">
            <a:extLst>
              <a:ext uri="{FF2B5EF4-FFF2-40B4-BE49-F238E27FC236}">
                <a16:creationId xmlns:a16="http://schemas.microsoft.com/office/drawing/2014/main" id="{4CED9013-D44C-47B4-B6CD-0BE066FB3FF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402789" y="4513263"/>
            <a:ext cx="11176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T_2c69ebbe7d1d4a1fb323786a75d6acd2_Shape">
            <a:extLst>
              <a:ext uri="{FF2B5EF4-FFF2-40B4-BE49-F238E27FC236}">
                <a16:creationId xmlns:a16="http://schemas.microsoft.com/office/drawing/2014/main" id="{CE425776-FC9E-4DAA-A05A-BEAE27DC559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661624" y="4793805"/>
            <a:ext cx="3352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" name="OTLSHAPE_T_b1b323826a6442f5aff2f3ad7696fc14_Shape">
            <a:extLst>
              <a:ext uri="{FF2B5EF4-FFF2-40B4-BE49-F238E27FC236}">
                <a16:creationId xmlns:a16="http://schemas.microsoft.com/office/drawing/2014/main" id="{FC3E540C-59CB-4966-9E5E-277754A8E5B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147394" y="5074348"/>
            <a:ext cx="38227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e3de7201a8f04125ada765b9a1229d86_ShapePercentage" hidden="1">
            <a:extLst>
              <a:ext uri="{FF2B5EF4-FFF2-40B4-BE49-F238E27FC236}">
                <a16:creationId xmlns:a16="http://schemas.microsoft.com/office/drawing/2014/main" id="{6128DCAE-970E-4E47-8E7B-38CC7D195EE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509597" y="3952177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0fb49519ae514d809913d09f4f524c74_ShapePercentage" hidden="1">
            <a:extLst>
              <a:ext uri="{FF2B5EF4-FFF2-40B4-BE49-F238E27FC236}">
                <a16:creationId xmlns:a16="http://schemas.microsoft.com/office/drawing/2014/main" id="{8843A1A3-BE74-4644-86F8-E3A45B37282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878119" y="4232720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" name="OTLSHAPE_T_ea1cdadf4077472abc84676c84bc777d_ShapePercentage" hidden="1">
            <a:extLst>
              <a:ext uri="{FF2B5EF4-FFF2-40B4-BE49-F238E27FC236}">
                <a16:creationId xmlns:a16="http://schemas.microsoft.com/office/drawing/2014/main" id="{66D474B7-38A6-4E2B-A809-E176252B3B2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402789" y="451326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2c69ebbe7d1d4a1fb323786a75d6acd2_ShapePercentage" hidden="1">
            <a:extLst>
              <a:ext uri="{FF2B5EF4-FFF2-40B4-BE49-F238E27FC236}">
                <a16:creationId xmlns:a16="http://schemas.microsoft.com/office/drawing/2014/main" id="{8CAE104C-D354-498C-8AD7-C6C1AD2C802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661624" y="4793805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T_b1b323826a6442f5aff2f3ad7696fc14_ShapePercentage" hidden="1">
            <a:extLst>
              <a:ext uri="{FF2B5EF4-FFF2-40B4-BE49-F238E27FC236}">
                <a16:creationId xmlns:a16="http://schemas.microsoft.com/office/drawing/2014/main" id="{56F25503-E4F3-4B55-B6D7-6FC1D375E39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147394" y="5074348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0" name="OTLSHAPE_T_e3de7201a8f04125ada765b9a1229d86_Duration" hidden="1">
            <a:extLst>
              <a:ext uri="{FF2B5EF4-FFF2-40B4-BE49-F238E27FC236}">
                <a16:creationId xmlns:a16="http://schemas.microsoft.com/office/drawing/2014/main" id="{B884524C-0451-485D-BBC8-A1B80C52903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</a:p>
        </p:txBody>
      </p:sp>
      <p:sp>
        <p:nvSpPr>
          <p:cNvPr id="131" name="OTLSHAPE_T_e3de7201a8f04125ada765b9a1229d86_StartDate" hidden="1">
            <a:extLst>
              <a:ext uri="{FF2B5EF4-FFF2-40B4-BE49-F238E27FC236}">
                <a16:creationId xmlns:a16="http://schemas.microsoft.com/office/drawing/2014/main" id="{8CBB9295-8050-4F7F-B3B9-80D10FF1D05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e3de7201a8f04125ada765b9a1229d86_EndDate" hidden="1">
            <a:extLst>
              <a:ext uri="{FF2B5EF4-FFF2-40B4-BE49-F238E27FC236}">
                <a16:creationId xmlns:a16="http://schemas.microsoft.com/office/drawing/2014/main" id="{D0A1AA97-A05C-4945-A905-319C46474299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e3de7201a8f04125ada765b9a1229d86_Title">
            <a:extLst>
              <a:ext uri="{FF2B5EF4-FFF2-40B4-BE49-F238E27FC236}">
                <a16:creationId xmlns:a16="http://schemas.microsoft.com/office/drawing/2014/main" id="{14B87960-A3FF-4DCC-B296-9ACE0DD33D4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95892" y="3945255"/>
            <a:ext cx="1574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400" b="1" spc="-8">
                <a:solidFill>
                  <a:srgbClr val="737373"/>
                </a:solidFill>
                <a:latin typeface="Calibri" panose="020F0502020204030204" pitchFamily="34" charset="0"/>
              </a:rPr>
              <a:t>EC+ preparation WP1</a:t>
            </a:r>
          </a:p>
        </p:txBody>
      </p:sp>
      <p:sp>
        <p:nvSpPr>
          <p:cNvPr id="134" name="OTLSHAPE_T_e3de7201a8f04125ada765b9a1229d86_JoinedDate">
            <a:extLst>
              <a:ext uri="{FF2B5EF4-FFF2-40B4-BE49-F238E27FC236}">
                <a16:creationId xmlns:a16="http://schemas.microsoft.com/office/drawing/2014/main" id="{2430C8FF-4086-4E8F-B1BB-6E2BA847713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766991" y="3976264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5 - Dec 31</a:t>
            </a:r>
          </a:p>
        </p:txBody>
      </p:sp>
      <p:sp>
        <p:nvSpPr>
          <p:cNvPr id="135" name="OTLSHAPE_T_e3de7201a8f04125ada765b9a1229d86_TextPercentage" hidden="1">
            <a:extLst>
              <a:ext uri="{FF2B5EF4-FFF2-40B4-BE49-F238E27FC236}">
                <a16:creationId xmlns:a16="http://schemas.microsoft.com/office/drawing/2014/main" id="{2179D22C-AC6E-4899-91FD-3DAD1D75B00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0fb49519ae514d809913d09f4f524c74_Duration" hidden="1">
            <a:extLst>
              <a:ext uri="{FF2B5EF4-FFF2-40B4-BE49-F238E27FC236}">
                <a16:creationId xmlns:a16="http://schemas.microsoft.com/office/drawing/2014/main" id="{5641DEE9-3C53-4BE6-BAE4-57EFD347A45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1 days</a:t>
            </a:r>
          </a:p>
        </p:txBody>
      </p:sp>
      <p:sp>
        <p:nvSpPr>
          <p:cNvPr id="139" name="OTLSHAPE_T_0fb49519ae514d809913d09f4f524c74_StartDate" hidden="1">
            <a:extLst>
              <a:ext uri="{FF2B5EF4-FFF2-40B4-BE49-F238E27FC236}">
                <a16:creationId xmlns:a16="http://schemas.microsoft.com/office/drawing/2014/main" id="{756F427D-6DCB-4EDA-B97F-52E99C21E34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0fb49519ae514d809913d09f4f524c74_EndDate" hidden="1">
            <a:extLst>
              <a:ext uri="{FF2B5EF4-FFF2-40B4-BE49-F238E27FC236}">
                <a16:creationId xmlns:a16="http://schemas.microsoft.com/office/drawing/2014/main" id="{38A237EA-6E08-4BCD-BC02-B5FDB26D8C9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0fb49519ae514d809913d09f4f524c74_Title">
            <a:extLst>
              <a:ext uri="{FF2B5EF4-FFF2-40B4-BE49-F238E27FC236}">
                <a16:creationId xmlns:a16="http://schemas.microsoft.com/office/drawing/2014/main" id="{55F4E2E2-891A-4625-8433-517D9778C1E5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316104" y="4225798"/>
            <a:ext cx="1511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400" b="1" spc="-8">
                <a:solidFill>
                  <a:srgbClr val="737373"/>
                </a:solidFill>
                <a:latin typeface="Calibri" panose="020F0502020204030204" pitchFamily="34" charset="0"/>
              </a:rPr>
              <a:t>data collection WP1 </a:t>
            </a:r>
          </a:p>
        </p:txBody>
      </p:sp>
      <p:sp>
        <p:nvSpPr>
          <p:cNvPr id="142" name="OTLSHAPE_T_0fb49519ae514d809913d09f4f524c74_JoinedDate">
            <a:extLst>
              <a:ext uri="{FF2B5EF4-FFF2-40B4-BE49-F238E27FC236}">
                <a16:creationId xmlns:a16="http://schemas.microsoft.com/office/drawing/2014/main" id="{65C56D10-F83B-43DF-A482-5F5D5C37B41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031046" y="425680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1 - Aug 30</a:t>
            </a:r>
          </a:p>
        </p:txBody>
      </p:sp>
      <p:sp>
        <p:nvSpPr>
          <p:cNvPr id="143" name="OTLSHAPE_T_0fb49519ae514d809913d09f4f524c74_TextPercentage" hidden="1">
            <a:extLst>
              <a:ext uri="{FF2B5EF4-FFF2-40B4-BE49-F238E27FC236}">
                <a16:creationId xmlns:a16="http://schemas.microsoft.com/office/drawing/2014/main" id="{9633FF33-D956-4BF6-9887-F7F6F8C64DF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ea1cdadf4077472abc84676c84bc777d_Duration" hidden="1">
            <a:extLst>
              <a:ext uri="{FF2B5EF4-FFF2-40B4-BE49-F238E27FC236}">
                <a16:creationId xmlns:a16="http://schemas.microsoft.com/office/drawing/2014/main" id="{E657FBF0-36B0-4D94-B598-CCA1AC4BD74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2 days</a:t>
            </a:r>
          </a:p>
        </p:txBody>
      </p:sp>
      <p:sp>
        <p:nvSpPr>
          <p:cNvPr id="147" name="OTLSHAPE_T_ea1cdadf4077472abc84676c84bc777d_StartDate" hidden="1">
            <a:extLst>
              <a:ext uri="{FF2B5EF4-FFF2-40B4-BE49-F238E27FC236}">
                <a16:creationId xmlns:a16="http://schemas.microsoft.com/office/drawing/2014/main" id="{03D74379-DCE7-4FE6-A720-3B34A353034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ea1cdadf4077472abc84676c84bc777d_EndDate" hidden="1">
            <a:extLst>
              <a:ext uri="{FF2B5EF4-FFF2-40B4-BE49-F238E27FC236}">
                <a16:creationId xmlns:a16="http://schemas.microsoft.com/office/drawing/2014/main" id="{629264DA-33B2-4652-B05E-BD72D1AE343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ea1cdadf4077472abc84676c84bc777d_Title">
            <a:extLst>
              <a:ext uri="{FF2B5EF4-FFF2-40B4-BE49-F238E27FC236}">
                <a16:creationId xmlns:a16="http://schemas.microsoft.com/office/drawing/2014/main" id="{AE2FB323-4101-4477-974E-F672B71E104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197307" y="4506341"/>
            <a:ext cx="2159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400" b="1" spc="-6">
                <a:solidFill>
                  <a:srgbClr val="737373"/>
                </a:solidFill>
                <a:latin typeface="Calibri" panose="020F0502020204030204" pitchFamily="34" charset="0"/>
              </a:rPr>
              <a:t>EC + preparation WP2 &amp; WP3</a:t>
            </a:r>
          </a:p>
        </p:txBody>
      </p:sp>
      <p:sp>
        <p:nvSpPr>
          <p:cNvPr id="150" name="OTLSHAPE_T_ea1cdadf4077472abc84676c84bc777d_JoinedDate">
            <a:extLst>
              <a:ext uri="{FF2B5EF4-FFF2-40B4-BE49-F238E27FC236}">
                <a16:creationId xmlns:a16="http://schemas.microsoft.com/office/drawing/2014/main" id="{A5FB7636-1CD3-4A6F-A516-B9AA228CE64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560943" y="453735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Jun 1</a:t>
            </a:r>
          </a:p>
        </p:txBody>
      </p:sp>
      <p:sp>
        <p:nvSpPr>
          <p:cNvPr id="151" name="OTLSHAPE_T_ea1cdadf4077472abc84676c84bc777d_TextPercentage" hidden="1">
            <a:extLst>
              <a:ext uri="{FF2B5EF4-FFF2-40B4-BE49-F238E27FC236}">
                <a16:creationId xmlns:a16="http://schemas.microsoft.com/office/drawing/2014/main" id="{E4733D79-8272-476C-9E5F-7D67EFD64FD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2c69ebbe7d1d4a1fb323786a75d6acd2_Duration" hidden="1">
            <a:extLst>
              <a:ext uri="{FF2B5EF4-FFF2-40B4-BE49-F238E27FC236}">
                <a16:creationId xmlns:a16="http://schemas.microsoft.com/office/drawing/2014/main" id="{AD0ACB05-4B27-4DBB-8712-9DDF1E217CE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7 days</a:t>
            </a:r>
          </a:p>
        </p:txBody>
      </p:sp>
      <p:sp>
        <p:nvSpPr>
          <p:cNvPr id="155" name="OTLSHAPE_T_2c69ebbe7d1d4a1fb323786a75d6acd2_StartDate" hidden="1">
            <a:extLst>
              <a:ext uri="{FF2B5EF4-FFF2-40B4-BE49-F238E27FC236}">
                <a16:creationId xmlns:a16="http://schemas.microsoft.com/office/drawing/2014/main" id="{65823B4D-432B-4A70-A273-B77884B6561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2c69ebbe7d1d4a1fb323786a75d6acd2_EndDate" hidden="1">
            <a:extLst>
              <a:ext uri="{FF2B5EF4-FFF2-40B4-BE49-F238E27FC236}">
                <a16:creationId xmlns:a16="http://schemas.microsoft.com/office/drawing/2014/main" id="{437D76A5-94B2-4C34-8A17-A7B8279FA88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2c69ebbe7d1d4a1fb323786a75d6acd2_Title">
            <a:extLst>
              <a:ext uri="{FF2B5EF4-FFF2-40B4-BE49-F238E27FC236}">
                <a16:creationId xmlns:a16="http://schemas.microsoft.com/office/drawing/2014/main" id="{5D13C7FB-4914-4581-AE1C-43581875445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099609" y="4786884"/>
            <a:ext cx="1511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400" b="1" spc="-8">
                <a:solidFill>
                  <a:srgbClr val="737373"/>
                </a:solidFill>
                <a:latin typeface="Calibri" panose="020F0502020204030204" pitchFamily="34" charset="0"/>
              </a:rPr>
              <a:t>data collection WP 2</a:t>
            </a:r>
          </a:p>
        </p:txBody>
      </p:sp>
      <p:sp>
        <p:nvSpPr>
          <p:cNvPr id="158" name="OTLSHAPE_T_2c69ebbe7d1d4a1fb323786a75d6acd2_JoinedDate">
            <a:extLst>
              <a:ext uri="{FF2B5EF4-FFF2-40B4-BE49-F238E27FC236}">
                <a16:creationId xmlns:a16="http://schemas.microsoft.com/office/drawing/2014/main" id="{C528F335-E23D-4639-9B1A-79148F20028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060599" y="4817893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Jul 1 - Apr 1</a:t>
            </a:r>
          </a:p>
        </p:txBody>
      </p:sp>
      <p:sp>
        <p:nvSpPr>
          <p:cNvPr id="159" name="OTLSHAPE_T_2c69ebbe7d1d4a1fb323786a75d6acd2_TextPercentage" hidden="1">
            <a:extLst>
              <a:ext uri="{FF2B5EF4-FFF2-40B4-BE49-F238E27FC236}">
                <a16:creationId xmlns:a16="http://schemas.microsoft.com/office/drawing/2014/main" id="{56C39F9F-984B-43EF-B644-B90C5D7DFC9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T_b1b323826a6442f5aff2f3ad7696fc14_Duration" hidden="1">
            <a:extLst>
              <a:ext uri="{FF2B5EF4-FFF2-40B4-BE49-F238E27FC236}">
                <a16:creationId xmlns:a16="http://schemas.microsoft.com/office/drawing/2014/main" id="{E6332F19-2416-411F-A9AD-1CEE0B665F2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3 days</a:t>
            </a:r>
          </a:p>
        </p:txBody>
      </p:sp>
      <p:sp>
        <p:nvSpPr>
          <p:cNvPr id="163" name="OTLSHAPE_T_b1b323826a6442f5aff2f3ad7696fc14_StartDate" hidden="1">
            <a:extLst>
              <a:ext uri="{FF2B5EF4-FFF2-40B4-BE49-F238E27FC236}">
                <a16:creationId xmlns:a16="http://schemas.microsoft.com/office/drawing/2014/main" id="{3A8395E5-C264-44DE-9CC4-CB1E85200A4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T_b1b323826a6442f5aff2f3ad7696fc14_EndDate" hidden="1">
            <a:extLst>
              <a:ext uri="{FF2B5EF4-FFF2-40B4-BE49-F238E27FC236}">
                <a16:creationId xmlns:a16="http://schemas.microsoft.com/office/drawing/2014/main" id="{7A65429D-5E14-4C68-A1E6-E1D848E19DE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b1b323826a6442f5aff2f3ad7696fc14_Title">
            <a:extLst>
              <a:ext uri="{FF2B5EF4-FFF2-40B4-BE49-F238E27FC236}">
                <a16:creationId xmlns:a16="http://schemas.microsoft.com/office/drawing/2014/main" id="{3E756E5A-AF4E-40AD-9DCC-F0D603EF247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625595" y="5067427"/>
            <a:ext cx="1473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400" b="1" spc="-8">
                <a:solidFill>
                  <a:srgbClr val="737373"/>
                </a:solidFill>
                <a:latin typeface="Calibri" panose="020F0502020204030204" pitchFamily="34" charset="0"/>
              </a:rPr>
              <a:t>data collection WP3</a:t>
            </a:r>
          </a:p>
        </p:txBody>
      </p:sp>
      <p:sp>
        <p:nvSpPr>
          <p:cNvPr id="166" name="OTLSHAPE_T_b1b323826a6442f5aff2f3ad7696fc14_JoinedDate">
            <a:extLst>
              <a:ext uri="{FF2B5EF4-FFF2-40B4-BE49-F238E27FC236}">
                <a16:creationId xmlns:a16="http://schemas.microsoft.com/office/drawing/2014/main" id="{CAFEBA57-EF67-49BE-957A-C90298D2556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016475" y="5098436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1 - Oct 1</a:t>
            </a:r>
          </a:p>
        </p:txBody>
      </p:sp>
      <p:sp>
        <p:nvSpPr>
          <p:cNvPr id="167" name="OTLSHAPE_T_b1b323826a6442f5aff2f3ad7696fc14_TextPercentage" hidden="1">
            <a:extLst>
              <a:ext uri="{FF2B5EF4-FFF2-40B4-BE49-F238E27FC236}">
                <a16:creationId xmlns:a16="http://schemas.microsoft.com/office/drawing/2014/main" id="{75A4E3BA-9A42-4A79-9140-6764214A115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M_e99d05474ea64c0e9f2d7773759d4474_Shape">
            <a:extLst>
              <a:ext uri="{FF2B5EF4-FFF2-40B4-BE49-F238E27FC236}">
                <a16:creationId xmlns:a16="http://schemas.microsoft.com/office/drawing/2014/main" id="{D53CE551-37E9-48CF-8C67-EDD8249B99B0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513643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M_0cd7057cfd31453392cb35df429f564f_Shape">
            <a:extLst>
              <a:ext uri="{FF2B5EF4-FFF2-40B4-BE49-F238E27FC236}">
                <a16:creationId xmlns:a16="http://schemas.microsoft.com/office/drawing/2014/main" id="{69D93F06-5EA3-43A3-9F80-8CB9F89667F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9170001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M_6919188585ed44d7b9dc169faa4d3f71_Shape">
            <a:extLst>
              <a:ext uri="{FF2B5EF4-FFF2-40B4-BE49-F238E27FC236}">
                <a16:creationId xmlns:a16="http://schemas.microsoft.com/office/drawing/2014/main" id="{D42B7D89-03E9-41E8-ABDE-C2B2FE0E1AD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958729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9" name="OTLSHAPE_M_e99d05474ea64c0e9f2d7773759d4474_Title">
            <a:extLst>
              <a:ext uri="{FF2B5EF4-FFF2-40B4-BE49-F238E27FC236}">
                <a16:creationId xmlns:a16="http://schemas.microsoft.com/office/drawing/2014/main" id="{988D1BB4-265D-4DD4-BB9A-1730057AEE8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020799" y="2447332"/>
            <a:ext cx="1219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10">
                <a:solidFill>
                  <a:schemeClr val="dk1"/>
                </a:solidFill>
                <a:latin typeface="Calibri" panose="020F0502020204030204" pitchFamily="34" charset="0"/>
              </a:rPr>
              <a:t>publication WP1</a:t>
            </a:r>
          </a:p>
        </p:txBody>
      </p:sp>
      <p:sp>
        <p:nvSpPr>
          <p:cNvPr id="120" name="OTLSHAPE_M_e99d05474ea64c0e9f2d7773759d4474_Date">
            <a:extLst>
              <a:ext uri="{FF2B5EF4-FFF2-40B4-BE49-F238E27FC236}">
                <a16:creationId xmlns:a16="http://schemas.microsoft.com/office/drawing/2014/main" id="{4263C325-AFA7-4DB6-88AF-15DEC56133F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497366" y="26770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5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22" name="OTLSHAPE_M_0cd7057cfd31453392cb35df429f564f_Title">
            <a:extLst>
              <a:ext uri="{FF2B5EF4-FFF2-40B4-BE49-F238E27FC236}">
                <a16:creationId xmlns:a16="http://schemas.microsoft.com/office/drawing/2014/main" id="{F178798F-5BE1-44DF-B9D5-8CB18746BB0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111369" y="2447332"/>
            <a:ext cx="355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32">
                <a:solidFill>
                  <a:schemeClr val="dk1"/>
                </a:solidFill>
                <a:latin typeface="Calibri" panose="020F0502020204030204" pitchFamily="34" charset="0"/>
              </a:rPr>
              <a:t>WP2</a:t>
            </a:r>
          </a:p>
        </p:txBody>
      </p:sp>
      <p:sp>
        <p:nvSpPr>
          <p:cNvPr id="123" name="OTLSHAPE_M_0cd7057cfd31453392cb35df429f564f_Date">
            <a:extLst>
              <a:ext uri="{FF2B5EF4-FFF2-40B4-BE49-F238E27FC236}">
                <a16:creationId xmlns:a16="http://schemas.microsoft.com/office/drawing/2014/main" id="{8967FA4B-28CC-4F64-B76E-716EE0FB25E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140220" y="2677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5"/>
                </a:solidFill>
                <a:latin typeface="Calibri" panose="020F0502020204030204" pitchFamily="34" charset="0"/>
              </a:rPr>
              <a:t>Dec 1</a:t>
            </a:r>
          </a:p>
        </p:txBody>
      </p:sp>
      <p:sp>
        <p:nvSpPr>
          <p:cNvPr id="125" name="OTLSHAPE_M_6919188585ed44d7b9dc169faa4d3f71_Title">
            <a:extLst>
              <a:ext uri="{FF2B5EF4-FFF2-40B4-BE49-F238E27FC236}">
                <a16:creationId xmlns:a16="http://schemas.microsoft.com/office/drawing/2014/main" id="{03229DF3-4DB1-4A0E-8B64-906E5E961B0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900098" y="2447332"/>
            <a:ext cx="355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32">
                <a:solidFill>
                  <a:schemeClr val="dk1"/>
                </a:solidFill>
                <a:latin typeface="Calibri" panose="020F0502020204030204" pitchFamily="34" charset="0"/>
              </a:rPr>
              <a:t>WP3</a:t>
            </a:r>
          </a:p>
        </p:txBody>
      </p:sp>
      <p:sp>
        <p:nvSpPr>
          <p:cNvPr id="126" name="OTLSHAPE_M_6919188585ed44d7b9dc169faa4d3f71_Date">
            <a:extLst>
              <a:ext uri="{FF2B5EF4-FFF2-40B4-BE49-F238E27FC236}">
                <a16:creationId xmlns:a16="http://schemas.microsoft.com/office/drawing/2014/main" id="{690DD18C-5D19-4601-945D-05EC3130795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914216" y="26770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5"/>
                </a:solidFill>
                <a:latin typeface="Calibri" panose="020F0502020204030204" pitchFamily="34" charset="0"/>
              </a:rPr>
              <a:t>May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36856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i4wMCIsIkVkaXRpb24iOm51bGwsIkxhc3RTYXZlZEVkaXRpb24iOjAsIklzUGx1c0VkaXRpb24iOmZhbHNlLCJJc1Byb0VkaXRpb24iOmZhbHNlfSwiRWZmZWN0IjowLCJTdHlsZSI6eyIkaWQiOiIzIiwiVGltZWJhbmRTdHlsZSI6eyIkaWQiOiI0IiwiU2NhbGVNYXJraW5nIjowLCJTaGFwZSI6MCwiU2hhcGVTdHlsZSI6eyIkaWQiOiI1IiwiTWFyZ2luIjp7IiRpZCI6IjYiLCJUb3AiOjAuMCwiTGVmdCI6MTAuMCwiUmlnaHQiOjEwLjAsIkJvdHRvbSI6MC4wfSwiUGFkZGluZyI6eyIkaWQiOiI3IiwiVG9wIjo2LjAsIkxlZnQiOjAuMCwiUmlnaHQiOjAuMCwiQm90dG9tIjo2LjB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2LjAsIkxlZnQiOjAuMCwiUmlnaHQiOjAuMCwiQm90dG9tIjo2LjB9LCJCYWNrZ3JvdW5kIjp7IiRpZCI6IjE2IiwiQ29sb3IiOnsiJGlkIjoiMTciLCJBIjoyNTUsIlIiOjMxLCJHIjo3MywiQiI6MTI1fX0sIklzVmlzaWJsZSI6dHJ1ZSwiV2lkdGgiOjg1OC4wLCJIZWlnaHQiOjM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wLjAsIlJpZ2h0IjoxMC4wLCJCb3R0b20iOjAuMH0sIlBhZGRpbmciOnsiJGlkIjoiMjMiLCJUb3AiOjYuMCwiTGVmdCI6MC4wLCJSaWdodCI6MC4wLCJCb3R0b20iOjYuMH0sIkJhY2tncm91bmQiOnsiJGlkIjoiMjQiLCJDb2xvciI6eyIkaWQiOiIyNSIsIkEiOjI1NSwiUiI6MzEsIkciOjczLCJCIjoxMjV9fSwiSXNWaXNpYmxlIjp0cnVlLCJXaWR0aCI6ODU4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mYWxzZSwiV2lkdGgiOjAuMCwiSGVpZ2h0IjowLjAsIkJvcmRlclN0eWxlIjpudWxsLCJQYXJlbnRTdHlsZSI6bnVsbH0sIkxlZn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CIsIlRvcCI6MC4wLCJMZWZ0IjowLjAsIlJpZ2h0IjowLjAsIkJvdHRvbSI6MC4wfSwiUGFkZGluZyI6eyIkaWQiOiI0OSIsIlRvcCI6MC4wLCJMZWZ0IjowLjAsIlJpZ2h0IjowLjAsIkJvdHRvbSI6MC4wfSwiQmFja2dyb3VuZCI6eyIkaWQiOiI1MCIsIkNvbG9yIjp7IiRyZWYiOiIzNiJ9fSwiSXNWaXNpYmxlIjp0cnVlLCJXaWR0aCI6MC4wLCJIZWlnaHQiOjAuMCwiQm9yZGVyU3R5bGUiOm51bGwsIlBhcmVudFN0eWxlIjpudWxsfSwiVG9kYXlNYXJrZXJ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AsIlNob3dTZWdtZW50U2VwYXJhdG9ycyI6dHJ1ZSwiU2VnbWVudFNlcGFyYXRvck9wYWNpdHkiOjMwLCJIYXNCZWVuVmlzaWJsZUJlZm9yZSI6ZmFsc2UsIkZvbnRTZXR0aW5ncyI6eyIkaWQiOiI2NSIsIkZvbnRTaXplIjoxNCwiRm9udE5hbWUiOiJDYWxpYnJpIiwiSXNCb2xkIjpmYWxzZSwiSXNJdGFsaWMiOmZhbHNlLCJJc1VuZGVybGluZWQiOmZhbHNlLCJQYXJlbnRTdHlsZSI6bnVsbH0sIkF1dG9TaXplIjowLCJGb3JlZ3JvdW5kIjp7IiRpZCI6IjY2IiwiQ29sb3IiOnsiJGlkIjoiNjc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xOTEsIkciOjE5MSwiQiI6MTkxfX0sIkxpbmVXZWlnaHQiOjAuOCwiTGluZVR5cGUiOjAsIlBhcmVudFN0eWxlIjpudWxsfSwiSXNCZWxvd1RpbWViYW5kIjpmYWxzZSwiUG9zaXRpb25PblRhc2siOjAsIkhpZGVEYXRlIjpmYWxzZSwiU2hhcGVTaXplIjoxLCJTcGFjaW5nIjoxLjAsIlBhZGRpbmciOnsiJGlkIjoiOTEiLCJUb3AiOjcuMCwiTGVmdCI6My4wLCJSaWdodCI6MC4wLCJCb3R0b20iOjIuMH0sIlNoYXBlU3R5bGUiOnsiJGlkIjoiOTIiLCJNYXJnaW4iOnsiJGlkIjoiOTMiLCJUb3AiOjU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guMCwiSGVpZ2h0Ijoy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0cnVlLCJXaWR0aCI6MC4wLCJIZWlnaHQiOjAuMCwiQm9yZGVyU3R5bGUiOm51bGwsIlBhcmVudFN0eWxlIjpudWxsfSwiRGF0ZUZvcm1hdCI6eyIkaWQiOiIx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IiwiRm9ybWF0IjowLCJJc1Zpc2libGUiOmZhbHNlLCJMYXN0S25vd25WaXNpYmlsaXR5U3RhdGUiOmZhbHNlfSwiSXNWaXNpYmxlIjp0cnVlLCJQYXJlbnRTdHlsZSI6bnVsbH0sIkRlZmF1bHRUYXNrU3R5bGUiOnsiJGlkIjoiMTE2IiwiU2hhcGUiOjAsIlNoYXBlVGhpY2tuZXNzIjoxLCJEdXJhdGlvbkZvcm1hdCI6MCwiSW5jbHVkZU5vbldvcmtpbmdEYXlzSW5EdXJhdGlvbiI6ZmFsc2UsIlBlcmNlbnRhZ2VDb21wbGV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HJlZiI6IjM2In19LCJJc1Zpc2libGUiOnRydWUsIldpZHRoIjowLjAsIkhlaWdodCI6MC4wLCJCb3JkZXJTdHlsZSI6bnVsbCwiUGFyZW50U3R5bGUiOm51bGx9LCJEYXRlRm9ybWF0Ijp7IiRpZCI6Ij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iLCJGb3JtYXQiOjAsIklzVmlzaWJsZSI6ZmFsc2UsIkxhc3RLbm93blZpc2liaWxpdHlTdGF0ZSI6ZmFsc2V9LCJJc1Zpc2libGUiOnRydWUsIlBhcmVudFN0eWxlIjpudWxsLCJfZXhwbGljaXRseVNldCI6eyIkaWQiOiIxNjE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YyIiwiR3JpZGxpbmVTdHlsZSI6eyIkaWQiOiIxNjMiLCJMaW5lQ29sb3IiOnsiJGlkIjoiMTY0IiwiJHR5cGUiOiJOTFJFLkNvbW1vbi5Eb20uU29saWRDb2xvckJydXNoLCBOTFJFLkNvbW1vbiIsIkNvbG9yIjp7IiRpZCI6IjE2NSIsIkEiOjM4LCJSIjo5MSwiRyI6MTU1LCJCIjoyMTN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DQifSwiUGFkZGluZyI6eyIkcmVmIjoiMTA1In0sIkJhY2tncm91bmQiOnsiJGlkIjoiMjQ3IiwiQ29sb3IiOnsiJGlkIjoiMjQ4IiwiQSI6MCwiUiI6MjU1LCJHIjoyNTUsIkIiOjI1NX1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YiLCJUb3AiOjAuMCwiTGVmdCI6MC4wLCJSaWdodCI6MC4wLCJCb3R0b20iOjAuMH0sIlBhZGRpbmciOnsiJGlkIjoiMjc3IiwiVG9wIjowLjAsIkxlZnQiOjAuMCwiUmlnaHQiOjAuMCwiQm90dG9tIjowLjB9LCJCYWNrZ3JvdW5kIjp7IiRpZCI6IjI3OCIsIkNvbG9yIjp7IiRpZCI6IjI3OSIsIkEiOjg5LCJSIjowLCJHIjowLCJCIjowfX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GlkIjoiMjgyIiwiJHR5cGUiOiJOTFJFLkNvbW1vbi5Eb20uU29saWRDb2xvckJydXNoLCBOTFJFLkNvbW1vbiIsIkNvbG9yIjp7IiRpZCI6IjI4MyIsIkEiOjI1NSwiUiI6MjA0LCJHIjoyMDQsIkIiOjIwNH19LCJMaW5lV2VpZ2h0IjoxLjAsIkxpbmVUeXBlIjowLCJQYXJlbnRTdHlsZSI6bnVsbH0sIlZlcnRpY2FsQ29ubmVjdG9yU3R5bGUiOnsiJGlkIjoiMjg0IiwiTGluZUNvbG9yIjp7IiRpZCI6IjI4NSIsIiR0eXBlIjoiTkxSRS5Db21tb24uRG9tLlNvbGlkQ29sb3JCcnVzaCwgTkxSRS5Db21tb24iLCJDb2xvciI6eyIkaWQiOiIyODY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0IiwiRm9ybWF0IjowLCJJc1Zpc2libGUiOmZhbHNlLCJMYXN0S25vd25WaXNpYmlsaXR5U3RhdGUiOmZhbHNlfSwiSXNWaXNpYmxlIjp0cnVlLCJQYXJlbnRTdHlsZSI6bnVsbCwiX2V4cGxpY2l0bHlTZXQiOnsiJGlkIjoiMzE1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MSJ9LCJQYWRkaW5nIjp7IiRyZWYiOiIxMjIifSwiQmFja2dyb3VuZCI6eyIkaWQiOiIzMjQiLCJDb2xvciI6eyIkaWQiOiIzMjUiLCJBIjo4OSwiUiI6MCwiRyI6MCwiQiI6MH19LCJJc1Zpc2libGUiOnRydWUsIldpZHRoIjowLjAsIkhlaWdodCI6MC4wLCJCb3JkZXJTdHlsZSI6eyIkaWQiOiIzMjYiLCJMaW5lQ29sb3IiOm51bGwsIkxpbmVXZWlnaHQiOjAuMCwiTGluZVR5cGUiOjAsIlBhcmVudFN0eWxlIjpudWxsfSwiUGFyZW50U3R5bGUiOm51bGx9LCJEdXJhdGlvblN0eWxlIjp7IiRpZCI6IjMyNyIsIkZvbnRTZXR0aW5ncyI6eyIkaWQiOiIzMjg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zMjkiLCJMaW5lQ29sb3IiOm51bGwsIkxpbmVXZWlnaHQiOjAuMCwiTGluZVR5cGUiOjAsIlBhcmVudFN0eWxlIjpudWxsfSwiUGFyZW50U3R5bGUiOm51bGx9LCJIb3Jpem9udGFsQ29ubmVjdG9yU3R5bGUiOnsiJGlkIjoiMzMwIiwiTGluZUNvbG9yIjp7IiRyZWYiOiIxMzIifSwiTGluZVdlaWdodCI6MS4wLCJMaW5lVHlwZSI6MCwiUGFyZW50U3R5bGUiOm51bGx9LCJWZXJ0aWNhbENvbm5lY3RvclN0eWxlIjp7IiRpZCI6IjMzMSIsIkxpbmVDb2xvciI6eyIkcmVmIjoiMTM1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zMzIiLCJNYXJnaW4iOnsiJHJlZiI6IjEzOCJ9LCJQYWRkaW5nIjp7IiRyZWYiOiIxMzkifSwiQmFja2dyb3VuZCI6eyIkaWQiOiIzMzMiLCJDb2xvciI6eyIkaWQiOiIzMzQiLCJBIjoyNTUsIlIiOjExNSwiRyI6MTE1LCJCIjoxMTV9fSwiSXNWaXNpYmxlIjp0cnVlLCJXaWR0aCI6MC4wLCJIZWlnaHQiOjE2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bnVsbH0sIlRpdGxlU3R5bGUiOnsiJGlkIjoiMzM4IiwiRm9udFNldHRpbmdzIjp7IiRpZCI6IjMzOSIsIkZvbnRTaXplIjoxNCwiRm9udE5hbWUiOiJDYWxpYnJpIiwiSXNCb2xkIjp0cnVlLCJJc0l0YWxpYyI6ZmFsc2UsIklzVW5kZXJsaW5lZCI6ZmFsc2UsIlBhcmVudFN0eWxlIjpudWxsfSwiQXV0b1NpemUiOjAsIkZvcmVncm91bmQiOnsiJGlkIjoiMzQwIiwiQ29sb3IiOnsiJGlkIjoiMzQxIiwiQSI6MjU1LCJSIjoxMTUsIkciOjExNSwiQiI6MTE1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Gb3JtYXQiOnsiJGlkIjoiMz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yIsIkZvcm1hdCI6MCwiSXNWaXNpYmxlIjpmYWxzZSwiTGFzdEtub3duVmlzaWJpbGl0eVN0YXRlIjpmYWxzZX0sIklzVmlzaWJsZSI6dHJ1ZSwiUGFyZW50U3R5bGUiOm51bGwsIl9leHBsaWNpdGx5U2V0Ijp7IiRpZCI6IjM1NC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M2OCIsIkxpbmVDb2xvciI6bnVsbCwiTGluZVdlaWdodCI6MC4wLCJMaW5lVHlwZSI6MCwiUGFyZW50U3R5bGUiOm51bGx9LCJQYXJlbnRTdHlsZSI6bnVsbH0sIkhvcml6b250YWxDb25uZWN0b3JTdHlsZSI6eyIkaWQiOiIzNjkiLCJMaW5lQ29sb3IiOnsiJHJlZiI6IjEzMiJ9LCJMaW5lV2VpZ2h0IjoxLjAsIkxpbmVUeXBlIjowLCJQYXJlbnRTdHlsZSI6bnVsbH0sIlZlcnRpY2FsQ29ubmVjdG9yU3R5bGUiOnsiJGlkIjoiMzcwIiwiTGluZUNvbG9yIjp7IiRyZWYiOiIxMzU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YifSwiUGFkZGluZyI6eyIkcmVmIjoiMTU3In0sIkJhY2tncm91bmQiOnsiJGlkIjoiMzg4IiwiQ29sb3IiOnsiJGlkIjoiMzg5IiwiQSI6MCwiUiI6MjU1LCJHIjoyNTUsIkIiOjI1NX19LCJJc1Zpc2libGUiOnRydWUsIldpZHRoIjowLjAsIkhlaWdodCI6MC4wLCJCb3JkZXJTdHlsZSI6eyIkaWQiOiIzOTAiLCJMaW5lQ29sb3IiOm51bGwsIkxpbmVXZWlnaHQiOjAuMCwiTGluZVR5cGUiOjAsIlBhcmVudFN0eWxlIjpudWxsfSwiUGFyZW50U3R5bGUiOm51bGx9LCJEYXRlRm9ybWF0Ijp7IiRpZCI6IjM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IiLCJGb3JtYXQiOjAsIklzVmlzaWJsZSI6ZmFsc2UsIkxhc3RLbm93blZpc2liaWxpdHlTdGF0ZSI6ZmFsc2V9LCJJc1Zpc2libGUiOnRydWUsIlBhcmVudFN0eWxlIjpudWxsLCJfZXhwbGljaXRseVNldCI6eyIkaWQiOiIzOTM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MSJ9LCJQYWRkaW5nIjp7IiRyZWYiOiIxMjIifSwiQmFja2dyb3VuZCI6eyIkaWQiOiI0MDIiLCJDb2xvciI6eyIkcmVmIjoiMzY0In19LCJJc1Zpc2libGUiOnRydWUsIldpZHRoIjowLjAsIkhlaWdodCI6MC4wLCJCb3JkZXJTdHlsZSI6eyIkaWQiOiI0MDMiLCJMaW5lQ29sb3IiOm51bGwsIkxpbmVXZWlnaHQiOjAuMCwiTGluZVR5cGUiOjAsIlBhcmVudFN0eWxlIjpudWxsfSwiUGFyZW50U3R5bGUiOm51bGx9LCJEdXJhdGlvblN0eWxlIjp7IiRpZCI6IjQwNCIsIkZvbnRTZXR0aW5ncyI6eyIkaWQiOiI0MDU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0MDYiLCJMaW5lQ29sb3IiOm51bGwsIkxpbmVXZWlnaHQiOjAuMCwiTGluZVR5cGUiOjAsIlBhcmVudFN0eWxlIjpudWxsfSwiUGFyZW50U3R5bGUiOm51bGx9LCJIb3Jpem9udGFsQ29ubmVjdG9yU3R5bGUiOnsiJGlkIjoiNDA3IiwiTGluZUNvbG9yIjp7IiRyZWYiOiIxMzIifSwiTGluZVdlaWdodCI6MS4wLCJMaW5lVHlwZSI6MCwiUGFyZW50U3R5bGUiOm51bGx9LCJWZXJ0aWNhbENvbm5lY3RvclN0eWxlIjp7IiRpZCI6IjQwOCIsIkxpbmVDb2xvciI6eyIkcmVmIjoiMTM1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NDQxIiwiTGluZUNvbG9yIjpudWxsLCJMaW5lV2VpZ2h0IjowLjAsIkxpbmVUeXBlIjowLCJQYXJlbnRTdHlsZSI6bnVsbH0sIlBhcmVudFN0eWxlIjpudWxsfSwiSG9yaXpvbnRhbENvbm5lY3RvclN0eWxlIjp7IiRpZCI6IjQ0MiIsIkxpbmVDb2xvciI6eyIkcmVmIjoiMTMyIn0sIkxpbmVXZWlnaHQiOjEuMCwiTGluZVR5cGUiOjAsIlBhcmVudFN0eWxlIjpudWxsfSwiVmVydGljYWxDb25uZWN0b3JTdHlsZSI6eyIkaWQiOiI0NDMiLCJMaW5lQ29sb3IiOnsiJHJlZiI6IjEzN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NDUyIiwiQ29sb3IiOnsiJGlkIjoiNDUzIiwiQSI6MCwiUiI6MjU1LCJHIjoyNTUsIkIiOjI1NX19LCJJc1Zpc2libGUiOnRydWUsIldpZHRoIjowLjAsIkhlaWdodCI6MC4wLCJCb3JkZXJTdHlsZSI6eyIkaWQiOiI0NTQiLCJMaW5lQ29sb3IiOm51bGwsIkxpbmVXZWlnaHQiOjAuMCwiTGluZVR5cGUiOjAsIlBhcmVudFN0eWxlIjpudWxsfSwiUGFyZW50U3R5bGUiOm51bGx9LCJEY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1LjAsXCJMZWZ0XCI6MTMuMCxcIlJpZ2h0XCI6MTMuMCxcIkJvdHRvbVwiOjU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1LjAsXCJMZWZ0XCI6MTMuMCxcIlJpZ2h0XCI6MTMuMCxcIkJvdHRvbVwiOjUuMH0sXCJCYWNrZ3JvdW5kXCI6e1wiJGlkXCI6XCIyNFwiLFwiQ29sb3JcIjp7XCIkaWRcIjpcIjI1XCIsXCJBXCI6MjU1LFwiUlwiOjY4LFwiR1wiOjg0LFwiQlwiOjEwNn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0cnV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1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S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U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wLFwiQWJzb2x1dGVQb3NpdGlvblwiOjEz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OS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MxLFwiR1wiOjczLFwiQlwiOjEyNn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g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xLjAsXCJMaW5lVHlwZVwiOjB9LFwiTWFyZ2luXCI6bnVsbCxcIlN0YXJ0RGF0ZVBvc2l0aW9uXCI6MyxcIkVuZERhdGVQb3NpdGlvblwiOjQ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YyRjM2OTlcIixcIiNGRjAwNzJCQ1wiLFwiI0ZGNUI5QkQ1XCIsXCIjRkY3MzczNzNcIixcIiNGRjQ0NTQ2QVwiLFwiI0ZGQTVBNUE1XCIsXCIjRkZFQTE2MUVcIixcIiNGRjFBQUE0MlwiXSJ9LCJTZXR0aW5ncyI6eyIkaWQiOiI0NjgiLCJJbXBhT3B0aW9ucyI6eyIkaWQiOiI0N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NzAiLCJVc2VUaW1lIjpmYWxzZSwiV29ya0RheVN0YXJ0IjoiMDA6MDA6MDAiLCJXb3JrRGF5RW5kIjoiMjM6NTk6MDAifSwiTGFzdFVzZWRUZW1wbGF0ZUlkIjoiYTA3YTc3NmUtZjc0NS00MjdkLTliYTgtYTY2NDdmYjg3OGE0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5T00:00:00.0000000Z"/>
  <p:tag name="OTLENDDATE" val="2022-12-31T23:59:00.0000000Z"/>
  <p:tag name="OTLDURATIONFORMAT" val="day"/>
  <p:tag name="OTLSPACING" val="5"/>
  <p:tag name="OTLSHAPETHICKNESSTYPE" val="Regular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3-02-01T00:00:00.0000000Z"/>
  <p:tag name="OTLENDDATE" val="2023-08-30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01T23:59:00.0000000Z"/>
  <p:tag name="OTLENDDATE" val="2023-06-01T23:59:00.0000000Z"/>
  <p:tag name="OTLDURATIONFORMAT" val="day"/>
  <p:tag name="OTLSPACING" val="5"/>
  <p:tag name="OTLSHAPETHICKNESSTYPE" val="Regular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00:00:00.0000000Z"/>
  <p:tag name="OTLENDDATE" val="2025-04-01T23:59:00.0000000Z"/>
  <p:tag name="OTLDURATIONFORMAT" val="day"/>
  <p:tag name="OTLSPACING" val="5"/>
  <p:tag name="OTLSHAPETHICKNESSTYPE" val="Regular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01T23:59:00.0000000Z"/>
  <p:tag name="OTLENDDATE" val="2025-10-01T23:59:00.0000000Z"/>
  <p:tag name="OTLDURATIONFORMAT" val="day"/>
  <p:tag name="OTLSPACING" val="5"/>
  <p:tag name="OTLSHAPETHICKNESSTYPE" val="Regular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Middle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False"/>
  <p:tag name="OTLTIMEBANDSCALETYPE" val="Years"/>
  <p:tag name="OTLTIMEBANDENDDATE" val="2026-05-01T23:59:00.0000000"/>
  <p:tag name="OTLLEFTENDCAPSMARGINLEFT" val="96"/>
  <p:tag name="OTLTIMEBANDRESERVEDLEFTAREAWIDTH" val="76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cation WP1"/>
  <p:tag name="OTLPOSITIONONTASK" val="None"/>
  <p:tag name="OTLRELATEDTASKID" val="00000000-0000-0000-0000-000000000000"/>
  <p:tag name="OTLMARKERSHAPE" val="OTL"/>
  <p:tag name="OTLDATE" val="2024-01-01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2-01T23:59:00.0000000"/>
  <p:tag name="OTLPOSITIONONTASK" val="None"/>
  <p:tag name="OTLRELATEDTASKID" val="00000000-0000-0000-0000-000000000000"/>
  <p:tag name="OTLMTITLE" val="WP2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05-01T23:59:00.0000000"/>
  <p:tag name="OTLPOSITIONONTASK" val="None"/>
  <p:tag name="OTLRELATEDTASKID" val="00000000-0000-0000-0000-000000000000"/>
  <p:tag name="OTLMTITLE" val="WP3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Kantoorth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16</TotalTime>
  <Words>73</Words>
  <Application>Microsoft Office PowerPoint</Application>
  <PresentationFormat>Breedbeeld</PresentationFormat>
  <Paragraphs>29</Paragraphs>
  <Slides>2</Slides>
  <Notes>0</Notes>
  <HiddenSlides>0</HiddenSlides>
  <MMClips>0</MMClips>
  <ScaleCrop>false</ScaleCrop>
  <HeadingPairs>
    <vt:vector size="6" baseType="variant">
      <vt:variant>
        <vt:lpstr>Gebruikte lettertypen</vt:lpstr>
      </vt:variant>
      <vt:variant>
        <vt:i4>3</vt:i4>
      </vt:variant>
      <vt:variant>
        <vt:lpstr>Thema</vt:lpstr>
      </vt:variant>
      <vt:variant>
        <vt:i4>1</vt:i4>
      </vt:variant>
      <vt:variant>
        <vt:lpstr>Diatitel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Kantoorthema</vt:lpstr>
      <vt:lpstr>PowerPoint-presentatie</vt:lpstr>
      <vt:lpstr>PowerPoint-presentati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tie</dc:title>
  <dc:creator>Sofie Raeymakers</dc:creator>
  <cp:lastModifiedBy>Sofie Raeymakers</cp:lastModifiedBy>
  <cp:revision>1</cp:revision>
  <dcterms:created xsi:type="dcterms:W3CDTF">2022-02-16T12:28:10Z</dcterms:created>
  <dcterms:modified xsi:type="dcterms:W3CDTF">2022-02-16T16:04:41Z</dcterms:modified>
</cp:coreProperties>
</file>